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53222"/>
  <mc:AlternateContent xmlns:mc="http://schemas.openxmlformats.org/markup-compatibility/2006">
    <mc:Choice Requires="x15">
      <x15ac:absPath xmlns:x15ac="http://schemas.microsoft.com/office/spreadsheetml/2010/11/ac" url="K:\０３０健康福祉局\050東部厚生環境事務所\030生活衛生課\食品衛生係\A1050 情報公開\営業許可施設の県HP掲載\ホームページ掲載データ　抽出について\R5年度\"/>
    </mc:Choice>
  </mc:AlternateContent>
  <bookViews>
    <workbookView xWindow="0" yWindow="0" windowWidth="23040" windowHeight="8590"/>
  </bookViews>
  <sheets>
    <sheet name="令和５年６月分" sheetId="2" r:id="rId1"/>
  </sheets>
  <externalReferences>
    <externalReference r:id="rId2"/>
  </externalReferences>
  <definedNames>
    <definedName name="_xlnm._FilterDatabase" localSheetId="0" hidden="1">令和５年６月分!$A$3:$Y$4</definedName>
    <definedName name="_xlnm.Print_Area" localSheetId="0">令和５年６月分!$A$1:$Y$65</definedName>
    <definedName name="_xlnm.Print_Titles" localSheetId="0">令和５年６月分!$2:$3</definedName>
    <definedName name="都道府県">[1]住所コード!$A$1:$AU$1</definedName>
  </definedNames>
  <calcPr calcId="152511" refMode="R1C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394" uniqueCount="463">
  <si>
    <t>営業施設情報</t>
    <rPh sb="0" eb="2">
      <t>エイギョウ</t>
    </rPh>
    <rPh sb="2" eb="4">
      <t>シセツ</t>
    </rPh>
    <rPh sb="4" eb="6">
      <t>ジョウホウ</t>
    </rPh>
    <phoneticPr fontId="1"/>
  </si>
  <si>
    <t>営業者情報</t>
    <rPh sb="0" eb="3">
      <t>エイギョウシャ</t>
    </rPh>
    <rPh sb="3" eb="5">
      <t>ジョウホウ</t>
    </rPh>
    <phoneticPr fontId="1"/>
  </si>
  <si>
    <t>屋号（申請）</t>
    <rPh sb="0" eb="2">
      <t>ヤゴウ</t>
    </rPh>
    <rPh sb="3" eb="5">
      <t>シンセイ</t>
    </rPh>
    <phoneticPr fontId="1"/>
  </si>
  <si>
    <t>★都道府県</t>
    <rPh sb="1" eb="5">
      <t>トドウフケン</t>
    </rPh>
    <phoneticPr fontId="1"/>
  </si>
  <si>
    <t>★市区町村</t>
    <rPh sb="1" eb="3">
      <t>シク</t>
    </rPh>
    <rPh sb="3" eb="5">
      <t>チョウソン</t>
    </rPh>
    <phoneticPr fontId="1"/>
  </si>
  <si>
    <t>★町域</t>
    <rPh sb="1" eb="3">
      <t>チョウイキ</t>
    </rPh>
    <phoneticPr fontId="1"/>
  </si>
  <si>
    <t>★地番等</t>
    <rPh sb="1" eb="3">
      <t>チバン</t>
    </rPh>
    <rPh sb="3" eb="4">
      <t>トウ</t>
    </rPh>
    <phoneticPr fontId="1"/>
  </si>
  <si>
    <t>★マンション名等</t>
    <rPh sb="6" eb="7">
      <t>メイ</t>
    </rPh>
    <rPh sb="7" eb="8">
      <t>トウ</t>
    </rPh>
    <phoneticPr fontId="1"/>
  </si>
  <si>
    <t>電話番号</t>
    <rPh sb="0" eb="2">
      <t>デンワ</t>
    </rPh>
    <rPh sb="2" eb="4">
      <t>バンゴウ</t>
    </rPh>
    <phoneticPr fontId="1"/>
  </si>
  <si>
    <t>営業者名</t>
    <rPh sb="0" eb="3">
      <t>エイギョウシャ</t>
    </rPh>
    <rPh sb="3" eb="4">
      <t>メイ</t>
    </rPh>
    <phoneticPr fontId="1"/>
  </si>
  <si>
    <t>郵便番号</t>
    <rPh sb="0" eb="4">
      <t>ユウビンバンゴウ</t>
    </rPh>
    <phoneticPr fontId="1"/>
  </si>
  <si>
    <t>都道府県</t>
    <rPh sb="0" eb="4">
      <t>トドウフケン</t>
    </rPh>
    <phoneticPr fontId="1"/>
  </si>
  <si>
    <t>市区町村</t>
    <rPh sb="0" eb="2">
      <t>シク</t>
    </rPh>
    <rPh sb="2" eb="4">
      <t>チョウソン</t>
    </rPh>
    <phoneticPr fontId="1"/>
  </si>
  <si>
    <t>町域</t>
    <rPh sb="0" eb="2">
      <t>チョウイキ</t>
    </rPh>
    <phoneticPr fontId="1"/>
  </si>
  <si>
    <t>地番等</t>
    <rPh sb="0" eb="2">
      <t>チバン</t>
    </rPh>
    <rPh sb="2" eb="3">
      <t>トウ</t>
    </rPh>
    <phoneticPr fontId="1"/>
  </si>
  <si>
    <t>マンション名等</t>
    <rPh sb="5" eb="6">
      <t>メイ</t>
    </rPh>
    <rPh sb="6" eb="7">
      <t>トウ</t>
    </rPh>
    <phoneticPr fontId="1"/>
  </si>
  <si>
    <t>代表者肩書</t>
    <rPh sb="0" eb="3">
      <t>ダイヒョウシャ</t>
    </rPh>
    <rPh sb="3" eb="5">
      <t>カタガキ</t>
    </rPh>
    <phoneticPr fontId="1"/>
  </si>
  <si>
    <t>代表者姓</t>
    <rPh sb="0" eb="3">
      <t>ダイヒョウシャ</t>
    </rPh>
    <rPh sb="3" eb="4">
      <t>セイ</t>
    </rPh>
    <phoneticPr fontId="1"/>
  </si>
  <si>
    <t>代表者名</t>
    <rPh sb="0" eb="3">
      <t>ダイヒョウシャ</t>
    </rPh>
    <rPh sb="3" eb="4">
      <t>メイ</t>
    </rPh>
    <phoneticPr fontId="1"/>
  </si>
  <si>
    <t>業種</t>
    <rPh sb="0" eb="2">
      <t>ギョウシュ</t>
    </rPh>
    <phoneticPr fontId="1"/>
  </si>
  <si>
    <t>許可番号連番</t>
    <rPh sb="0" eb="2">
      <t>キョカ</t>
    </rPh>
    <rPh sb="2" eb="4">
      <t>バンゴウ</t>
    </rPh>
    <rPh sb="4" eb="6">
      <t>レンバン</t>
    </rPh>
    <phoneticPr fontId="1"/>
  </si>
  <si>
    <t>備考</t>
    <rPh sb="0" eb="2">
      <t>ビコウ</t>
    </rPh>
    <phoneticPr fontId="1"/>
  </si>
  <si>
    <t>許可年月日</t>
    <rPh sb="0" eb="2">
      <t>キョカ</t>
    </rPh>
    <rPh sb="2" eb="5">
      <t>ネンガッピ</t>
    </rPh>
    <phoneticPr fontId="1"/>
  </si>
  <si>
    <t>満了年月日</t>
    <rPh sb="0" eb="2">
      <t>マンリョウ</t>
    </rPh>
    <rPh sb="2" eb="5">
      <t>ネンガッピ</t>
    </rPh>
    <phoneticPr fontId="1"/>
  </si>
  <si>
    <t>当初許可年月日</t>
    <rPh sb="0" eb="2">
      <t>トウショ</t>
    </rPh>
    <rPh sb="2" eb="4">
      <t>キョカ</t>
    </rPh>
    <rPh sb="4" eb="7">
      <t>ネンガッピ</t>
    </rPh>
    <phoneticPr fontId="1"/>
  </si>
  <si>
    <t/>
  </si>
  <si>
    <t>儛</t>
  </si>
  <si>
    <t>7220045</t>
  </si>
  <si>
    <t>広島県</t>
  </si>
  <si>
    <t>尾道市</t>
  </si>
  <si>
    <t>久保一丁目</t>
  </si>
  <si>
    <t>５－１７</t>
  </si>
  <si>
    <t>オリエント・クボ　２０５</t>
  </si>
  <si>
    <t>青山　恭子</t>
  </si>
  <si>
    <t>４－７</t>
  </si>
  <si>
    <t>① 飲食店営業</t>
  </si>
  <si>
    <t>AURA</t>
  </si>
  <si>
    <t>7230015</t>
  </si>
  <si>
    <t>三原市</t>
  </si>
  <si>
    <t>円一町三丁目</t>
  </si>
  <si>
    <t>４－６</t>
  </si>
  <si>
    <t>山﨑　真児</t>
  </si>
  <si>
    <t>7230052</t>
  </si>
  <si>
    <t>皆実四丁目</t>
  </si>
  <si>
    <t>BRYARS</t>
  </si>
  <si>
    <t>7220035</t>
  </si>
  <si>
    <t>土堂一丁目</t>
  </si>
  <si>
    <t>１－１</t>
  </si>
  <si>
    <t>浜田　豊</t>
  </si>
  <si>
    <t>cafe もみの木</t>
  </si>
  <si>
    <t>7230017</t>
  </si>
  <si>
    <t>港町三丁目</t>
  </si>
  <si>
    <t>２－２７</t>
  </si>
  <si>
    <t>0848-38-2440</t>
  </si>
  <si>
    <t>田島　和美</t>
  </si>
  <si>
    <t>7230014</t>
  </si>
  <si>
    <t>城町三丁目</t>
  </si>
  <si>
    <t>IRIS</t>
  </si>
  <si>
    <t>城町一丁目</t>
  </si>
  <si>
    <t>７－１２</t>
  </si>
  <si>
    <t>アークビルセカンド２ＦＡ</t>
  </si>
  <si>
    <t>井上　妙美</t>
  </si>
  <si>
    <t>JUPITER　ジュピター</t>
  </si>
  <si>
    <t>５－１６</t>
  </si>
  <si>
    <t>0848-37-8677</t>
  </si>
  <si>
    <t>田中　由美</t>
  </si>
  <si>
    <t>Ｎｏｅｌ＋（ノエル・プルス）</t>
  </si>
  <si>
    <t>７－９</t>
  </si>
  <si>
    <t>0848-36-5657</t>
  </si>
  <si>
    <t>西本　美佐</t>
  </si>
  <si>
    <t>あぼし屋</t>
  </si>
  <si>
    <t>１１－１</t>
  </si>
  <si>
    <t>0848-64-0848</t>
  </si>
  <si>
    <t>網干　秀也</t>
  </si>
  <si>
    <t>イオン三原店</t>
  </si>
  <si>
    <t>城町二丁目</t>
  </si>
  <si>
    <t>１３－１</t>
  </si>
  <si>
    <t>0848-62-8949</t>
  </si>
  <si>
    <t>イオンリテール　株式会社</t>
  </si>
  <si>
    <t>千葉県</t>
  </si>
  <si>
    <t>千葉市美浜区</t>
  </si>
  <si>
    <t>５－１</t>
  </si>
  <si>
    <t>043-212-6500</t>
  </si>
  <si>
    <t>代表取締役</t>
  </si>
  <si>
    <t>井出</t>
  </si>
  <si>
    <t>武美</t>
  </si>
  <si>
    <t>④ 魚介類販売業</t>
  </si>
  <si>
    <t>0848-62-8888</t>
  </si>
  <si>
    <t>③ 食肉販売業</t>
  </si>
  <si>
    <t>イオン三原店　Ｂｒｅａｄ　Ｆａｃｔｏｒｙ</t>
  </si>
  <si>
    <t>⑪ 菓子製造業</t>
  </si>
  <si>
    <t>エブリイ三原店</t>
  </si>
  <si>
    <t>１３－４８</t>
  </si>
  <si>
    <t>0848-61-4080</t>
  </si>
  <si>
    <t>株式会社　エブリイ</t>
  </si>
  <si>
    <t>7210973</t>
  </si>
  <si>
    <t>福山市</t>
  </si>
  <si>
    <t>南蔵王町一丁目</t>
  </si>
  <si>
    <t>６－１１</t>
  </si>
  <si>
    <t>084-931-4710</t>
  </si>
  <si>
    <t>岡﨑</t>
  </si>
  <si>
    <t>浩樹</t>
  </si>
  <si>
    <t>エブリイ三原店　</t>
  </si>
  <si>
    <t>お好み焼　パル</t>
  </si>
  <si>
    <t>7220042</t>
  </si>
  <si>
    <t>久保町</t>
  </si>
  <si>
    <t>１６９８－１</t>
  </si>
  <si>
    <t>0848-37-1003</t>
  </si>
  <si>
    <t>奥上　純生</t>
  </si>
  <si>
    <t>お好み焼　手毬</t>
  </si>
  <si>
    <t>８－２</t>
  </si>
  <si>
    <t>0848-37-1491</t>
  </si>
  <si>
    <t>大石　美保恵</t>
  </si>
  <si>
    <t>くいもの屋わん　三原駅前店</t>
  </si>
  <si>
    <t>４－１</t>
  </si>
  <si>
    <t>イクス・テン４Ｆ</t>
  </si>
  <si>
    <t>株式会社　オーイズミフーズ</t>
  </si>
  <si>
    <t>2591131</t>
  </si>
  <si>
    <t>神奈川県</t>
  </si>
  <si>
    <t>伊勢原市</t>
  </si>
  <si>
    <t>046-297-2511</t>
  </si>
  <si>
    <t>大泉</t>
  </si>
  <si>
    <t>賢治</t>
  </si>
  <si>
    <t>くぼた</t>
  </si>
  <si>
    <t>土堂二丁目</t>
  </si>
  <si>
    <t>４－４０</t>
  </si>
  <si>
    <t>0848-23-6810</t>
  </si>
  <si>
    <t>上垣内　康則</t>
  </si>
  <si>
    <t>１９－１</t>
  </si>
  <si>
    <t>合同会社　シーレスト</t>
  </si>
  <si>
    <t>7230046</t>
  </si>
  <si>
    <t>明神四丁目</t>
  </si>
  <si>
    <t>５－１４</t>
  </si>
  <si>
    <t>0848-62-4635</t>
  </si>
  <si>
    <t>代表社員</t>
  </si>
  <si>
    <t>小林</t>
  </si>
  <si>
    <t>隆伸</t>
  </si>
  <si>
    <t>さんさんまりん　こども園</t>
  </si>
  <si>
    <t>６－２９</t>
  </si>
  <si>
    <t>株式会社　エポカフードサービス</t>
  </si>
  <si>
    <t>7300051</t>
  </si>
  <si>
    <t>広島市中区</t>
  </si>
  <si>
    <t>大手町五丁目</t>
  </si>
  <si>
    <t>３－１２</t>
  </si>
  <si>
    <t>082-248-7010</t>
  </si>
  <si>
    <t>松村</t>
  </si>
  <si>
    <t>圭祐</t>
  </si>
  <si>
    <t>サンライズマリン瀬戸</t>
  </si>
  <si>
    <t>スナック　さかえ</t>
  </si>
  <si>
    <t>0848-37-2516</t>
  </si>
  <si>
    <t>中尾　栄</t>
  </si>
  <si>
    <t>スリジエ</t>
  </si>
  <si>
    <t>久保二丁目</t>
  </si>
  <si>
    <t>１０－１３</t>
  </si>
  <si>
    <t>0848-37-0731</t>
  </si>
  <si>
    <t>本木　貴志</t>
  </si>
  <si>
    <t>にしのや</t>
  </si>
  <si>
    <t>５－２０</t>
  </si>
  <si>
    <t>0848-37-3711</t>
  </si>
  <si>
    <t>西之谷　友則</t>
  </si>
  <si>
    <t>ふる里</t>
  </si>
  <si>
    <t>８－１</t>
  </si>
  <si>
    <t>0848-62-0210</t>
  </si>
  <si>
    <t>山本　靖子</t>
  </si>
  <si>
    <t>みはらまちづくり兎っ兎</t>
  </si>
  <si>
    <t>三原港湾ビル１Ｆ</t>
  </si>
  <si>
    <t>0848-63-5575</t>
  </si>
  <si>
    <t>特定非営利活動法人　みはらまちづくり兎っ兎</t>
  </si>
  <si>
    <t>理事</t>
  </si>
  <si>
    <t>小川</t>
  </si>
  <si>
    <t>和子</t>
  </si>
  <si>
    <t>メキシケムジャパン株式会社　三原製造所</t>
  </si>
  <si>
    <t>円一町一丁目</t>
  </si>
  <si>
    <t>１－３６</t>
  </si>
  <si>
    <t>0848-67-5230</t>
  </si>
  <si>
    <t>メキシケムジャパン　株式会社</t>
  </si>
  <si>
    <t>1400002</t>
  </si>
  <si>
    <t>東京都</t>
  </si>
  <si>
    <t>品川区</t>
  </si>
  <si>
    <t>東品川二丁目</t>
  </si>
  <si>
    <t>２－２０</t>
  </si>
  <si>
    <t>03-5462-8661</t>
  </si>
  <si>
    <t>駒井</t>
  </si>
  <si>
    <t>亨</t>
  </si>
  <si>
    <t>㉜ 添加物製造業</t>
  </si>
  <si>
    <t>ゆらぎカフェ</t>
  </si>
  <si>
    <t>６－２２</t>
  </si>
  <si>
    <t>石岡　芳子</t>
  </si>
  <si>
    <t>歓商場</t>
  </si>
  <si>
    <t>１１－１６</t>
  </si>
  <si>
    <t>0848-37-3630</t>
  </si>
  <si>
    <t>藤野　裕</t>
  </si>
  <si>
    <t>甘味処　ととあん</t>
  </si>
  <si>
    <t>１０－２</t>
  </si>
  <si>
    <t>0848-22-5303</t>
  </si>
  <si>
    <t>有限会社　ミニミニブティック・ユリ</t>
  </si>
  <si>
    <t>３－３４</t>
  </si>
  <si>
    <t>鈴山</t>
  </si>
  <si>
    <t>秀哉</t>
  </si>
  <si>
    <t>丸久堂</t>
  </si>
  <si>
    <t>１２－８</t>
  </si>
  <si>
    <t>0848-22-4564</t>
  </si>
  <si>
    <t>小川　博一</t>
  </si>
  <si>
    <t>居酒屋　さち</t>
  </si>
  <si>
    <t>7220032</t>
  </si>
  <si>
    <t>西土堂町</t>
  </si>
  <si>
    <t>0848-25-3784</t>
  </si>
  <si>
    <t>前岡　早智子</t>
  </si>
  <si>
    <t>九州惣菜株式会社</t>
  </si>
  <si>
    <t>7220051</t>
  </si>
  <si>
    <t>東尾道</t>
  </si>
  <si>
    <t>１９－７</t>
  </si>
  <si>
    <t>0848-46-0172</t>
  </si>
  <si>
    <t>九州惣菜　株式会社</t>
  </si>
  <si>
    <t>8000027</t>
  </si>
  <si>
    <t>福岡県</t>
  </si>
  <si>
    <t>北九州市門司区</t>
  </si>
  <si>
    <t>093-391-7717</t>
  </si>
  <si>
    <t>四六時中三原店</t>
  </si>
  <si>
    <t>イオン三原店１Ｆ</t>
  </si>
  <si>
    <t>株式会社　イオンイーハート</t>
  </si>
  <si>
    <t>2618517</t>
  </si>
  <si>
    <t>043-296-2350</t>
  </si>
  <si>
    <t>代表取締役社長</t>
  </si>
  <si>
    <t>奥野</t>
  </si>
  <si>
    <t>善德</t>
  </si>
  <si>
    <t>秀花</t>
  </si>
  <si>
    <t>７－７</t>
  </si>
  <si>
    <t>伊塚　秀美</t>
  </si>
  <si>
    <t>１９</t>
  </si>
  <si>
    <t>一般社団法人　尾道観光協会</t>
  </si>
  <si>
    <t>会長</t>
  </si>
  <si>
    <t>帯</t>
  </si>
  <si>
    <t>４－２５</t>
  </si>
  <si>
    <t>0848-64-2035</t>
  </si>
  <si>
    <t>長江</t>
  </si>
  <si>
    <t>7220034</t>
  </si>
  <si>
    <t>十四日元町</t>
  </si>
  <si>
    <t>１－２２</t>
  </si>
  <si>
    <t>0848-20-7729</t>
  </si>
  <si>
    <t>服部　恭典</t>
  </si>
  <si>
    <t>7220073</t>
  </si>
  <si>
    <t>向島町</t>
  </si>
  <si>
    <t>鉄板や　海物</t>
  </si>
  <si>
    <t>９－１</t>
  </si>
  <si>
    <t>0848-24-5111</t>
  </si>
  <si>
    <t>斉藤　俊介</t>
  </si>
  <si>
    <t>鉄板焼　ぴあ</t>
  </si>
  <si>
    <t>２１－８</t>
  </si>
  <si>
    <t>上野　美津子</t>
  </si>
  <si>
    <t>帆雨亭</t>
  </si>
  <si>
    <t>7220033</t>
  </si>
  <si>
    <t>東土堂町</t>
  </si>
  <si>
    <t>１１－３０</t>
  </si>
  <si>
    <t>0848-23-2105</t>
  </si>
  <si>
    <t>株式会社　島居</t>
  </si>
  <si>
    <t>島居</t>
  </si>
  <si>
    <t>尾道　あかとら</t>
  </si>
  <si>
    <t>４－４３</t>
  </si>
  <si>
    <t>0848-22-2422</t>
  </si>
  <si>
    <t>荒木　真</t>
  </si>
  <si>
    <t>尾道肉鉄板　笑みび</t>
  </si>
  <si>
    <t>１８－９</t>
  </si>
  <si>
    <t>春元　祐樹</t>
  </si>
  <si>
    <t>0848-62-8832</t>
  </si>
  <si>
    <t>株式会社　まじま製麺</t>
  </si>
  <si>
    <t>１１－１３</t>
  </si>
  <si>
    <t>0848-62-4713</t>
  </si>
  <si>
    <t>真嶋</t>
  </si>
  <si>
    <t>幸雄</t>
  </si>
  <si>
    <t>料理仕出し前川</t>
  </si>
  <si>
    <t>１５－２２</t>
  </si>
  <si>
    <t>0848-23-2613</t>
  </si>
  <si>
    <t>有限会社　料理仕出し前川</t>
  </si>
  <si>
    <t>１３－１１</t>
  </si>
  <si>
    <t>前川</t>
  </si>
  <si>
    <t>佳洋</t>
  </si>
  <si>
    <t>瀬戸内醸造所株式会社</t>
  </si>
  <si>
    <t>050064</t>
  </si>
  <si>
    <t>有限会社　美和</t>
  </si>
  <si>
    <t>050077</t>
  </si>
  <si>
    <t>パリー食堂</t>
  </si>
  <si>
    <t>永井　秀明</t>
  </si>
  <si>
    <t>050094</t>
  </si>
  <si>
    <t>ｂｉｓｔｒｏ＆ｃａｆｅ　Ｂｅｉｓｕ</t>
  </si>
  <si>
    <t>橋本　翼</t>
  </si>
  <si>
    <t>050095</t>
  </si>
  <si>
    <t>アトリエ　アントワープ</t>
  </si>
  <si>
    <t>井出　愛翔</t>
  </si>
  <si>
    <t>050098</t>
  </si>
  <si>
    <t>050102</t>
  </si>
  <si>
    <t>氷屋天菓</t>
  </si>
  <si>
    <t>050104</t>
  </si>
  <si>
    <t>尾道観音山フルーツパーラー</t>
  </si>
  <si>
    <t>050108</t>
  </si>
  <si>
    <t>０Ｈ４８１４広島</t>
  </si>
  <si>
    <t>1631477</t>
  </si>
  <si>
    <t>新宿区</t>
  </si>
  <si>
    <t>03-3379-4185</t>
  </si>
  <si>
    <t>ＦｕＳＨＩ’ｎＲｕ</t>
  </si>
  <si>
    <t>藤原　秀彰</t>
  </si>
  <si>
    <t>050128</t>
  </si>
  <si>
    <t>ラウンジ　赤鯉</t>
  </si>
  <si>
    <t>丹下　美香</t>
  </si>
  <si>
    <t>050133</t>
  </si>
  <si>
    <t>伊賀屋</t>
  </si>
  <si>
    <t>伊賀　千裕</t>
  </si>
  <si>
    <t>050134</t>
  </si>
  <si>
    <t>奈良原　孝哉</t>
  </si>
  <si>
    <t>050135</t>
  </si>
  <si>
    <t>茶立玄　山手</t>
  </si>
  <si>
    <t>ＡＬＬ　ＡＢＯＵＴ　ＴＥＡ　株式会社</t>
  </si>
  <si>
    <t>050136</t>
  </si>
  <si>
    <t>ＯＴＡＮＩ　ＢＡＳＥ　合同会社</t>
  </si>
  <si>
    <t>050140</t>
  </si>
  <si>
    <t>アプリコット</t>
  </si>
  <si>
    <t>050149</t>
  </si>
  <si>
    <t>*</t>
  </si>
  <si>
    <t>050132</t>
  </si>
  <si>
    <t>050076</t>
  </si>
  <si>
    <t>050160</t>
  </si>
  <si>
    <t>050111</t>
  </si>
  <si>
    <t>050119</t>
  </si>
  <si>
    <t>050062</t>
  </si>
  <si>
    <t>050089</t>
  </si>
  <si>
    <t>050069</t>
  </si>
  <si>
    <t>2610023</t>
  </si>
  <si>
    <t>中瀬一丁目</t>
  </si>
  <si>
    <t>050080</t>
  </si>
  <si>
    <t>050078</t>
  </si>
  <si>
    <t>050079</t>
  </si>
  <si>
    <t>050106</t>
  </si>
  <si>
    <t>050105</t>
  </si>
  <si>
    <t>050107</t>
  </si>
  <si>
    <t>050123</t>
  </si>
  <si>
    <t>050059</t>
  </si>
  <si>
    <t>伊勢原二丁目</t>
  </si>
  <si>
    <t>５－４３</t>
  </si>
  <si>
    <t>050130</t>
  </si>
  <si>
    <t>050066</t>
  </si>
  <si>
    <t>ぐらんどーる</t>
  </si>
  <si>
    <t>050110</t>
  </si>
  <si>
    <t>050074</t>
  </si>
  <si>
    <t>0848-81-0132</t>
  </si>
  <si>
    <t>050075</t>
  </si>
  <si>
    <t>オリエントクボ１０２</t>
  </si>
  <si>
    <t>050099</t>
  </si>
  <si>
    <t>050129</t>
  </si>
  <si>
    <t>050063</t>
  </si>
  <si>
    <t>050073</t>
  </si>
  <si>
    <t>050097</t>
  </si>
  <si>
    <t>050052</t>
  </si>
  <si>
    <t>050093</t>
  </si>
  <si>
    <t>050117</t>
  </si>
  <si>
    <t>050058</t>
  </si>
  <si>
    <t>050057</t>
  </si>
  <si>
    <t>050060</t>
  </si>
  <si>
    <t>黄金町</t>
  </si>
  <si>
    <t>６－２８</t>
  </si>
  <si>
    <t>吉田</t>
  </si>
  <si>
    <t>英次</t>
  </si>
  <si>
    <t>050131</t>
  </si>
  <si>
    <t>050081</t>
  </si>
  <si>
    <t>0848-67-6278</t>
  </si>
  <si>
    <t>050120</t>
  </si>
  <si>
    <t>千光寺公園公園口売店</t>
  </si>
  <si>
    <t>7220036</t>
  </si>
  <si>
    <t>東御所町</t>
  </si>
  <si>
    <t>１－２０</t>
  </si>
  <si>
    <t>ＪＢ本四高速尾道ビル１階</t>
  </si>
  <si>
    <t>0848-36-5495</t>
  </si>
  <si>
    <t>三宅</t>
  </si>
  <si>
    <t>宏</t>
  </si>
  <si>
    <t>050118</t>
  </si>
  <si>
    <t>河野　　久美</t>
  </si>
  <si>
    <t>050068</t>
  </si>
  <si>
    <t>050115</t>
  </si>
  <si>
    <t>050116</t>
  </si>
  <si>
    <t>050056</t>
  </si>
  <si>
    <t>050065</t>
  </si>
  <si>
    <t>050122</t>
  </si>
  <si>
    <t>0848-88-9108</t>
  </si>
  <si>
    <t>050055</t>
  </si>
  <si>
    <t>まこと屋</t>
  </si>
  <si>
    <t>050087</t>
  </si>
  <si>
    <t>050153</t>
  </si>
  <si>
    <t>7230032</t>
  </si>
  <si>
    <t>須波西一丁目</t>
  </si>
  <si>
    <t>５－２６</t>
  </si>
  <si>
    <t>瀬戸内醸造所　株式会社</t>
  </si>
  <si>
    <t>7250022</t>
  </si>
  <si>
    <t>竹原市</t>
  </si>
  <si>
    <t>本町三丁目</t>
  </si>
  <si>
    <t>１０－３７</t>
  </si>
  <si>
    <t>太田</t>
  </si>
  <si>
    <t>祐也</t>
  </si>
  <si>
    <t>露店による営業</t>
  </si>
  <si>
    <t>ブランジュリー　アミー三原店</t>
  </si>
  <si>
    <t>7230051</t>
  </si>
  <si>
    <t>宮浦四丁目</t>
  </si>
  <si>
    <t>１０－７</t>
  </si>
  <si>
    <t>0848-64-0548</t>
  </si>
  <si>
    <t>7230041</t>
  </si>
  <si>
    <t>和田一丁目</t>
  </si>
  <si>
    <t>６－１５</t>
  </si>
  <si>
    <t>0848-64-3323</t>
  </si>
  <si>
    <t>小柴</t>
  </si>
  <si>
    <t>義貴</t>
  </si>
  <si>
    <t>３－２５</t>
  </si>
  <si>
    <t>２－７</t>
  </si>
  <si>
    <t>今日は晴れビル１Ｆ</t>
  </si>
  <si>
    <t>0848-88-9243</t>
  </si>
  <si>
    <t>7220071</t>
  </si>
  <si>
    <t>向島町立花</t>
  </si>
  <si>
    <t>１３７９－１</t>
  </si>
  <si>
    <t>Ｏｎｅ　Ｌｉｆｅ</t>
  </si>
  <si>
    <t>7222411</t>
  </si>
  <si>
    <t>瀬戸田町瀬戸田</t>
  </si>
  <si>
    <t>４３４</t>
  </si>
  <si>
    <t>阪本　菜穂美</t>
  </si>
  <si>
    <t>８－１７</t>
  </si>
  <si>
    <t>天間　啓太</t>
  </si>
  <si>
    <t>５５１</t>
  </si>
  <si>
    <t>0848-88-9236</t>
  </si>
  <si>
    <t>尾道しまなみファーム　合同会社</t>
  </si>
  <si>
    <t>１２１７１－１</t>
  </si>
  <si>
    <t>村上</t>
  </si>
  <si>
    <t>幸志</t>
  </si>
  <si>
    <t>８６４－１</t>
  </si>
  <si>
    <t>グリーンホスピタリティフードサービス　株式会社</t>
  </si>
  <si>
    <t>西新宿三丁目</t>
  </si>
  <si>
    <t>２０－２</t>
  </si>
  <si>
    <t>黒川</t>
  </si>
  <si>
    <t>知輝</t>
  </si>
  <si>
    <t>050127</t>
  </si>
  <si>
    <t>１１－１４</t>
  </si>
  <si>
    <t>0848-38-2294</t>
  </si>
  <si>
    <t>夢街道１Ｆ</t>
  </si>
  <si>
    <t>0848-38-1115</t>
  </si>
  <si>
    <t>7222322</t>
  </si>
  <si>
    <t>因島三庄町</t>
  </si>
  <si>
    <t>３８０６－１０</t>
  </si>
  <si>
    <t>一隅　遊学珈琲</t>
  </si>
  <si>
    <t>7290417</t>
  </si>
  <si>
    <t>本郷南六丁目</t>
  </si>
  <si>
    <t>１９－１０</t>
  </si>
  <si>
    <t>９－８</t>
  </si>
  <si>
    <t>0848-88-9188</t>
  </si>
  <si>
    <t>１４－１０</t>
  </si>
  <si>
    <t>髙橋</t>
  </si>
  <si>
    <t>玄機</t>
  </si>
  <si>
    <t>おおたに</t>
  </si>
  <si>
    <t>7230035</t>
  </si>
  <si>
    <t>須波ハイツ三丁目</t>
  </si>
  <si>
    <t>１１－１２</t>
  </si>
  <si>
    <t>0848-31-3768</t>
  </si>
  <si>
    <t>大谷</t>
  </si>
  <si>
    <t>一玄</t>
  </si>
  <si>
    <t>安部　奈々</t>
  </si>
  <si>
    <t>移動販売車</t>
  </si>
  <si>
    <t>令和３年６月１日以降の許可情報</t>
    <rPh sb="0" eb="2">
      <t>レイワ</t>
    </rPh>
    <rPh sb="3" eb="4">
      <t>ネン</t>
    </rPh>
    <rPh sb="5" eb="6">
      <t>ツキ</t>
    </rPh>
    <rPh sb="7" eb="8">
      <t>ニチ</t>
    </rPh>
    <rPh sb="8" eb="10">
      <t>イコウ</t>
    </rPh>
    <rPh sb="11" eb="13">
      <t>キョカ</t>
    </rPh>
    <rPh sb="13" eb="15">
      <t>ジョウホウ</t>
    </rPh>
    <phoneticPr fontId="1"/>
  </si>
  <si>
    <t>※特殊な漢字等については正しく表示されない場合があります</t>
    <rPh sb="1" eb="3">
      <t>トクシュ</t>
    </rPh>
    <rPh sb="4" eb="7">
      <t>カンジトウ</t>
    </rPh>
    <rPh sb="12" eb="13">
      <t>タダ</t>
    </rPh>
    <rPh sb="15" eb="17">
      <t>ヒョウジ</t>
    </rPh>
    <rPh sb="21" eb="23">
      <t>バアイ</t>
    </rPh>
    <phoneticPr fontId="1"/>
  </si>
  <si>
    <t>毎月の営業許可施設（令和５年６月分）　東部保健所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"/>
  </numFmts>
  <fonts count="5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1"/>
      <name val="ＭＳ Ｐゴシック"/>
      <family val="2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i/>
      <sz val="11"/>
      <color theme="1"/>
      <name val="ＭＳ Ｐゴシック"/>
      <family val="3"/>
      <charset val="128"/>
      <scheme val="minor"/>
    </font>
  </fonts>
  <fills count="5">
    <fill>
      <patternFill patternType="none"/>
    </fill>
    <fill>
      <patternFill patternType="gray125"/>
    </fill>
    <fill>
      <patternFill patternType="solid">
        <fgColor rgb="FFFFD5FF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9" tint="0.79998168889431442"/>
        <bgColor indexed="64"/>
      </patternFill>
    </fill>
  </fills>
  <borders count="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22">
    <xf numFmtId="0" fontId="0" fillId="0" borderId="0" xfId="0">
      <alignment vertical="center"/>
    </xf>
    <xf numFmtId="49" fontId="0" fillId="0" borderId="0" xfId="0" applyNumberFormat="1">
      <alignment vertical="center"/>
    </xf>
    <xf numFmtId="49" fontId="0" fillId="2" borderId="1" xfId="0" applyNumberFormat="1" applyFill="1" applyBorder="1" applyAlignment="1">
      <alignment horizontal="center" vertical="center" shrinkToFit="1"/>
    </xf>
    <xf numFmtId="0" fontId="0" fillId="2" borderId="1" xfId="0" applyNumberFormat="1" applyFill="1" applyBorder="1" applyAlignment="1">
      <alignment horizontal="center" vertical="center" shrinkToFit="1"/>
    </xf>
    <xf numFmtId="49" fontId="0" fillId="3" borderId="1" xfId="0" applyNumberFormat="1" applyFill="1" applyBorder="1" applyAlignment="1">
      <alignment horizontal="center" vertical="center" shrinkToFit="1"/>
    </xf>
    <xf numFmtId="49" fontId="0" fillId="0" borderId="0" xfId="0" applyNumberFormat="1" applyAlignment="1">
      <alignment horizontal="center" vertical="center"/>
    </xf>
    <xf numFmtId="176" fontId="3" fillId="3" borderId="1" xfId="0" applyNumberFormat="1" applyFont="1" applyFill="1" applyBorder="1" applyAlignment="1">
      <alignment horizontal="center" vertical="center" shrinkToFit="1"/>
    </xf>
    <xf numFmtId="176" fontId="0" fillId="3" borderId="1" xfId="0" applyNumberFormat="1" applyFill="1" applyBorder="1" applyAlignment="1">
      <alignment horizontal="center" vertical="center" shrinkToFit="1"/>
    </xf>
    <xf numFmtId="176" fontId="0" fillId="0" borderId="0" xfId="0" applyNumberFormat="1">
      <alignment vertical="center"/>
    </xf>
    <xf numFmtId="14" fontId="0" fillId="0" borderId="0" xfId="0" applyNumberFormat="1">
      <alignment vertical="center"/>
    </xf>
    <xf numFmtId="14" fontId="0" fillId="4" borderId="1" xfId="0" applyNumberFormat="1" applyFill="1" applyBorder="1" applyAlignment="1">
      <alignment horizontal="center" vertical="center" shrinkToFit="1"/>
    </xf>
    <xf numFmtId="176" fontId="0" fillId="4" borderId="1" xfId="0" applyNumberFormat="1" applyFill="1" applyBorder="1" applyAlignment="1">
      <alignment horizontal="center" vertical="center" shrinkToFit="1"/>
    </xf>
    <xf numFmtId="176" fontId="0" fillId="2" borderId="1" xfId="0" applyNumberFormat="1" applyFill="1" applyBorder="1" applyAlignment="1">
      <alignment horizontal="center" vertical="center" shrinkToFit="1"/>
    </xf>
    <xf numFmtId="176" fontId="2" fillId="4" borderId="1" xfId="0" applyNumberFormat="1" applyFont="1" applyFill="1" applyBorder="1" applyAlignment="1">
      <alignment horizontal="center" vertical="center" shrinkToFit="1"/>
    </xf>
    <xf numFmtId="0" fontId="0" fillId="0" borderId="1" xfId="0" applyBorder="1">
      <alignment vertical="center"/>
    </xf>
    <xf numFmtId="0" fontId="4" fillId="0" borderId="0" xfId="0" applyFont="1" applyBorder="1" applyAlignment="1">
      <alignment vertical="center" wrapText="1" shrinkToFit="1"/>
    </xf>
    <xf numFmtId="0" fontId="0" fillId="0" borderId="0" xfId="0" applyBorder="1" applyAlignment="1">
      <alignment vertical="center"/>
    </xf>
    <xf numFmtId="176" fontId="0" fillId="0" borderId="1" xfId="0" applyNumberFormat="1" applyBorder="1">
      <alignment vertical="center"/>
    </xf>
    <xf numFmtId="14" fontId="0" fillId="0" borderId="1" xfId="0" applyNumberFormat="1" applyBorder="1">
      <alignment vertical="center"/>
    </xf>
    <xf numFmtId="49" fontId="0" fillId="2" borderId="2" xfId="0" applyNumberFormat="1" applyFill="1" applyBorder="1" applyAlignment="1">
      <alignment horizontal="center" vertical="center" shrinkToFit="1"/>
    </xf>
    <xf numFmtId="49" fontId="0" fillId="3" borderId="2" xfId="0" applyNumberFormat="1" applyFill="1" applyBorder="1" applyAlignment="1">
      <alignment horizontal="center" vertical="center" shrinkToFit="1"/>
    </xf>
    <xf numFmtId="49" fontId="0" fillId="4" borderId="2" xfId="0" applyNumberFormat="1" applyFill="1" applyBorder="1" applyAlignment="1">
      <alignment horizontal="center" vertical="center" shrinkToFit="1"/>
    </xf>
  </cellXfs>
  <cellStyles count="1">
    <cellStyle name="標準" xfId="0" builtinId="0"/>
  </cellStyles>
  <dxfs count="32">
    <dxf>
      <border>
        <left style="thin">
          <color auto="1"/>
        </left>
        <right style="thin">
          <color auto="1"/>
        </right>
        <top style="thin">
          <color auto="1"/>
        </top>
        <bottom style="thin">
          <color auto="1"/>
        </bottom>
        <vertical/>
        <horizontal/>
      </border>
    </dxf>
    <dxf>
      <border>
        <left style="thin">
          <color auto="1"/>
        </left>
        <right style="thin">
          <color auto="1"/>
        </right>
        <top style="thin">
          <color auto="1"/>
        </top>
        <bottom style="thin">
          <color auto="1"/>
        </bottom>
        <vertical/>
        <horizontal/>
      </border>
    </dxf>
    <dxf>
      <border>
        <left style="thin">
          <color auto="1"/>
        </left>
        <right style="thin">
          <color auto="1"/>
        </right>
        <top style="thin">
          <color auto="1"/>
        </top>
        <bottom style="thin">
          <color auto="1"/>
        </bottom>
        <vertical/>
        <horizontal/>
      </border>
    </dxf>
    <dxf>
      <border>
        <left style="thin">
          <color auto="1"/>
        </left>
        <right style="thin">
          <color auto="1"/>
        </right>
        <top style="thin">
          <color auto="1"/>
        </top>
        <bottom style="thin">
          <color auto="1"/>
        </bottom>
        <vertical/>
        <horizontal/>
      </border>
    </dxf>
    <dxf>
      <border>
        <left style="thin">
          <color auto="1"/>
        </left>
        <right style="thin">
          <color auto="1"/>
        </right>
        <top style="thin">
          <color auto="1"/>
        </top>
        <bottom style="thin">
          <color auto="1"/>
        </bottom>
        <vertical/>
        <horizontal/>
      </border>
    </dxf>
    <dxf>
      <fill>
        <patternFill>
          <bgColor theme="1"/>
        </patternFill>
      </fill>
    </dxf>
    <dxf>
      <fill>
        <patternFill>
          <bgColor theme="1"/>
        </patternFill>
      </fill>
    </dxf>
    <dxf>
      <fill>
        <patternFill>
          <bgColor theme="1"/>
        </patternFill>
      </fill>
    </dxf>
    <dxf>
      <fill>
        <patternFill>
          <bgColor theme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>
          <bgColor rgb="FFFFD9FF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ont>
        <b/>
        <i val="0"/>
        <color rgb="FFFF0000"/>
      </font>
    </dxf>
    <dxf>
      <border>
        <left style="thin">
          <color auto="1"/>
        </left>
        <right style="thin">
          <color auto="1"/>
        </right>
        <top style="thin">
          <color auto="1"/>
        </top>
        <bottom style="thin">
          <color auto="1"/>
        </bottom>
        <vertical/>
        <horizontal/>
      </border>
    </dxf>
    <dxf>
      <border>
        <left style="thin">
          <color auto="1"/>
        </left>
        <right style="thin">
          <color auto="1"/>
        </right>
        <top style="thin">
          <color auto="1"/>
        </top>
        <bottom style="thin">
          <color auto="1"/>
        </bottom>
        <vertical/>
        <horizontal/>
      </border>
    </dxf>
  </dxfs>
  <tableStyles count="0" defaultTableStyle="TableStyleMedium2" defaultPivotStyle="PivotStyleLight16"/>
  <colors>
    <mruColors>
      <color rgb="FFFFCC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7974\Desktop\&#12467;&#12500;&#12540;&#12456;&#12463;&#12475;&#12523;&#21488;&#24115;_&#26481;&#37096;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■監視カード"/>
      <sheetName val="■施設情報"/>
      <sheetName val="食品コード"/>
      <sheetName val="■収去依頼"/>
      <sheetName val="■申請書"/>
      <sheetName val="■許可証"/>
      <sheetName val="■許可証明書"/>
      <sheetName val="■業種別申請状況"/>
      <sheetName val="■更新施設一覧"/>
      <sheetName val="■申請整理簿"/>
      <sheetName val="■申請一覧"/>
      <sheetName val="履歴情報"/>
      <sheetName val="▲貼付データ"/>
      <sheetName val="④出力データ"/>
      <sheetName val="値コピー"/>
      <sheetName val="③エクセル台帳"/>
      <sheetName val="操作パネル"/>
      <sheetName val="②編集"/>
      <sheetName val="①国データ"/>
      <sheetName val="コード"/>
      <sheetName val="住所コード"/>
      <sheetName val="変換テーブル"/>
      <sheetName val="操作パネル(移行)"/>
      <sheetName val="簡易設定"/>
      <sheetName val="設定"/>
      <sheetName val="帳票設定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/>
      <sheetData sheetId="20">
        <row r="1">
          <cell r="A1" t="str">
            <v>北海道</v>
          </cell>
          <cell r="B1" t="str">
            <v>青森県</v>
          </cell>
          <cell r="C1" t="str">
            <v>岩手県</v>
          </cell>
          <cell r="D1" t="str">
            <v>宮城県</v>
          </cell>
          <cell r="E1" t="str">
            <v>秋田県</v>
          </cell>
          <cell r="F1" t="str">
            <v>山形県</v>
          </cell>
          <cell r="G1" t="str">
            <v>福島県</v>
          </cell>
          <cell r="H1" t="str">
            <v>茨城県</v>
          </cell>
          <cell r="I1" t="str">
            <v>栃木県</v>
          </cell>
          <cell r="J1" t="str">
            <v>群馬県</v>
          </cell>
          <cell r="K1" t="str">
            <v>埼玉県</v>
          </cell>
          <cell r="L1" t="str">
            <v>千葉県</v>
          </cell>
          <cell r="M1" t="str">
            <v>東京都</v>
          </cell>
          <cell r="N1" t="str">
            <v>神奈川県</v>
          </cell>
          <cell r="O1" t="str">
            <v>新潟県</v>
          </cell>
          <cell r="P1" t="str">
            <v>富山県</v>
          </cell>
          <cell r="Q1" t="str">
            <v>石川県</v>
          </cell>
          <cell r="R1" t="str">
            <v>福井県</v>
          </cell>
          <cell r="S1" t="str">
            <v>山梨県</v>
          </cell>
          <cell r="T1" t="str">
            <v>長野県</v>
          </cell>
          <cell r="U1" t="str">
            <v>岐阜県</v>
          </cell>
          <cell r="V1" t="str">
            <v>静岡県</v>
          </cell>
          <cell r="W1" t="str">
            <v>愛知県</v>
          </cell>
          <cell r="X1" t="str">
            <v>三重県</v>
          </cell>
          <cell r="Y1" t="str">
            <v>滋賀県</v>
          </cell>
          <cell r="Z1" t="str">
            <v>京都府</v>
          </cell>
          <cell r="AA1" t="str">
            <v>大阪府</v>
          </cell>
          <cell r="AB1" t="str">
            <v>兵庫県</v>
          </cell>
          <cell r="AC1" t="str">
            <v>奈良県</v>
          </cell>
          <cell r="AD1" t="str">
            <v>和歌山県</v>
          </cell>
          <cell r="AE1" t="str">
            <v>鳥取県</v>
          </cell>
          <cell r="AF1" t="str">
            <v>島根県</v>
          </cell>
          <cell r="AG1" t="str">
            <v>岡山県</v>
          </cell>
          <cell r="AH1" t="str">
            <v>広島県</v>
          </cell>
          <cell r="AI1" t="str">
            <v>山口県</v>
          </cell>
          <cell r="AJ1" t="str">
            <v>徳島県</v>
          </cell>
          <cell r="AK1" t="str">
            <v>香川県</v>
          </cell>
          <cell r="AL1" t="str">
            <v>愛媛県</v>
          </cell>
          <cell r="AM1" t="str">
            <v>高知県</v>
          </cell>
          <cell r="AN1" t="str">
            <v>福岡県</v>
          </cell>
          <cell r="AO1" t="str">
            <v>佐賀県</v>
          </cell>
          <cell r="AP1" t="str">
            <v>長崎県</v>
          </cell>
          <cell r="AQ1" t="str">
            <v>熊本県</v>
          </cell>
          <cell r="AR1" t="str">
            <v>大分県</v>
          </cell>
          <cell r="AS1" t="str">
            <v>宮崎県</v>
          </cell>
          <cell r="AT1" t="str">
            <v>鹿児島県</v>
          </cell>
          <cell r="AU1" t="str">
            <v>沖縄県</v>
          </cell>
        </row>
      </sheetData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>
    <pageSetUpPr fitToPage="1"/>
  </sheetPr>
  <dimension ref="A1:Y65"/>
  <sheetViews>
    <sheetView tabSelected="1" view="pageBreakPreview" zoomScale="58" zoomScaleNormal="100" zoomScaleSheetLayoutView="58" workbookViewId="0">
      <pane xSplit="1" ySplit="3" topLeftCell="B19" activePane="bottomRight" state="frozen"/>
      <selection pane="topRight" activeCell="N1" sqref="N1"/>
      <selection pane="bottomLeft" activeCell="A3" sqref="A3"/>
      <selection pane="bottomRight" activeCell="A65" sqref="A65:C65"/>
    </sheetView>
  </sheetViews>
  <sheetFormatPr defaultRowHeight="13" x14ac:dyDescent="0.2"/>
  <cols>
    <col min="1" max="1" width="38.90625" style="8" bestFit="1" customWidth="1"/>
    <col min="2" max="4" width="8.90625" customWidth="1"/>
    <col min="5" max="5" width="18.08984375" bestFit="1" customWidth="1"/>
    <col min="6" max="6" width="15.6328125" customWidth="1"/>
    <col min="7" max="7" width="23.6328125" style="8" customWidth="1"/>
    <col min="8" max="8" width="14.6328125" customWidth="1"/>
    <col min="9" max="9" width="46.453125" bestFit="1" customWidth="1"/>
    <col min="10" max="11" width="8.90625" style="8" customWidth="1"/>
    <col min="12" max="12" width="17.81640625" style="8" bestFit="1" customWidth="1"/>
    <col min="13" max="13" width="18.08984375" style="8" bestFit="1" customWidth="1"/>
    <col min="14" max="14" width="15.7265625" style="8" bestFit="1" customWidth="1"/>
    <col min="15" max="15" width="25.6328125" style="8" bestFit="1" customWidth="1"/>
    <col min="16" max="16" width="14.6328125" customWidth="1"/>
    <col min="17" max="17" width="17.6328125" style="8" customWidth="1"/>
    <col min="18" max="19" width="8.90625" style="8" customWidth="1"/>
    <col min="20" max="20" width="17.36328125" style="8" bestFit="1" customWidth="1"/>
    <col min="21" max="21" width="8.90625" style="8" customWidth="1"/>
    <col min="22" max="22" width="15.7265625" style="8" bestFit="1" customWidth="1"/>
    <col min="23" max="25" width="15.6328125" style="9" customWidth="1"/>
  </cols>
  <sheetData>
    <row r="1" spans="1:25" ht="21" customHeight="1" x14ac:dyDescent="0.2">
      <c r="A1" s="8" t="s">
        <v>462</v>
      </c>
    </row>
    <row r="2" spans="1:25" s="1" customFormat="1" ht="21" customHeight="1" x14ac:dyDescent="0.2">
      <c r="A2" s="19" t="s">
        <v>0</v>
      </c>
      <c r="B2" s="19"/>
      <c r="C2" s="19"/>
      <c r="D2" s="19"/>
      <c r="E2" s="19"/>
      <c r="F2" s="19"/>
      <c r="G2" s="19"/>
      <c r="H2" s="19"/>
      <c r="I2" s="20" t="s">
        <v>1</v>
      </c>
      <c r="J2" s="20"/>
      <c r="K2" s="20"/>
      <c r="L2" s="20"/>
      <c r="M2" s="20"/>
      <c r="N2" s="20"/>
      <c r="O2" s="20"/>
      <c r="P2" s="20"/>
      <c r="Q2" s="20"/>
      <c r="R2" s="20"/>
      <c r="S2" s="20"/>
      <c r="T2" s="21" t="s">
        <v>460</v>
      </c>
      <c r="U2" s="21"/>
      <c r="V2" s="21"/>
      <c r="W2" s="21"/>
      <c r="X2" s="21"/>
      <c r="Y2" s="21"/>
    </row>
    <row r="3" spans="1:25" s="5" customFormat="1" ht="36" customHeight="1" x14ac:dyDescent="0.2">
      <c r="A3" s="12" t="s">
        <v>2</v>
      </c>
      <c r="B3" s="2" t="s">
        <v>10</v>
      </c>
      <c r="C3" s="2" t="s">
        <v>3</v>
      </c>
      <c r="D3" s="2" t="s">
        <v>4</v>
      </c>
      <c r="E3" s="2" t="s">
        <v>5</v>
      </c>
      <c r="F3" s="3" t="s">
        <v>6</v>
      </c>
      <c r="G3" s="12" t="s">
        <v>7</v>
      </c>
      <c r="H3" s="2" t="s">
        <v>8</v>
      </c>
      <c r="I3" s="4" t="s">
        <v>9</v>
      </c>
      <c r="J3" s="6" t="s">
        <v>10</v>
      </c>
      <c r="K3" s="7" t="s">
        <v>11</v>
      </c>
      <c r="L3" s="7" t="s">
        <v>12</v>
      </c>
      <c r="M3" s="7" t="s">
        <v>13</v>
      </c>
      <c r="N3" s="7" t="s">
        <v>14</v>
      </c>
      <c r="O3" s="7" t="s">
        <v>15</v>
      </c>
      <c r="P3" s="4" t="s">
        <v>8</v>
      </c>
      <c r="Q3" s="7" t="s">
        <v>16</v>
      </c>
      <c r="R3" s="7" t="s">
        <v>17</v>
      </c>
      <c r="S3" s="7" t="s">
        <v>18</v>
      </c>
      <c r="T3" s="11" t="s">
        <v>19</v>
      </c>
      <c r="U3" s="13" t="s">
        <v>20</v>
      </c>
      <c r="V3" s="11" t="s">
        <v>21</v>
      </c>
      <c r="W3" s="10" t="s">
        <v>22</v>
      </c>
      <c r="X3" s="10" t="s">
        <v>23</v>
      </c>
      <c r="Y3" s="10" t="s">
        <v>24</v>
      </c>
    </row>
    <row r="4" spans="1:25" x14ac:dyDescent="0.2">
      <c r="A4" t="s">
        <v>26</v>
      </c>
      <c r="B4" t="s">
        <v>27</v>
      </c>
      <c r="C4" t="s">
        <v>28</v>
      </c>
      <c r="D4" t="s">
        <v>29</v>
      </c>
      <c r="E4" t="s">
        <v>30</v>
      </c>
      <c r="F4" t="s">
        <v>31</v>
      </c>
      <c r="G4" s="8" t="s">
        <v>32</v>
      </c>
      <c r="H4" t="s">
        <v>317</v>
      </c>
      <c r="I4" t="s">
        <v>33</v>
      </c>
      <c r="J4" s="8" t="s">
        <v>317</v>
      </c>
      <c r="K4" s="8" t="s">
        <v>317</v>
      </c>
      <c r="L4" s="8" t="s">
        <v>317</v>
      </c>
      <c r="M4" s="8" t="s">
        <v>317</v>
      </c>
      <c r="N4" s="8" t="s">
        <v>317</v>
      </c>
      <c r="O4" s="8" t="s">
        <v>25</v>
      </c>
      <c r="P4" s="8" t="s">
        <v>317</v>
      </c>
      <c r="Q4" s="9" t="s">
        <v>25</v>
      </c>
      <c r="R4" s="9" t="s">
        <v>25</v>
      </c>
      <c r="S4" s="9" t="s">
        <v>25</v>
      </c>
      <c r="T4" s="9" t="s">
        <v>35</v>
      </c>
      <c r="U4" s="9" t="s">
        <v>318</v>
      </c>
      <c r="V4" s="9" t="s">
        <v>25</v>
      </c>
      <c r="W4" s="9">
        <v>45106</v>
      </c>
      <c r="X4" s="9">
        <v>47299</v>
      </c>
      <c r="Y4" s="9">
        <v>45106</v>
      </c>
    </row>
    <row r="5" spans="1:25" x14ac:dyDescent="0.2">
      <c r="A5" s="8" t="s">
        <v>36</v>
      </c>
      <c r="B5" t="s">
        <v>37</v>
      </c>
      <c r="C5" t="s">
        <v>28</v>
      </c>
      <c r="D5" t="s">
        <v>38</v>
      </c>
      <c r="E5" t="s">
        <v>39</v>
      </c>
      <c r="F5" t="s">
        <v>40</v>
      </c>
      <c r="G5" s="8" t="s">
        <v>25</v>
      </c>
      <c r="H5" t="s">
        <v>317</v>
      </c>
      <c r="I5" t="s">
        <v>41</v>
      </c>
      <c r="J5" s="8" t="s">
        <v>317</v>
      </c>
      <c r="K5" s="8" t="s">
        <v>317</v>
      </c>
      <c r="L5" s="8" t="s">
        <v>317</v>
      </c>
      <c r="M5" s="8" t="s">
        <v>317</v>
      </c>
      <c r="N5" s="8" t="s">
        <v>317</v>
      </c>
      <c r="O5" s="8" t="s">
        <v>25</v>
      </c>
      <c r="P5" t="s">
        <v>317</v>
      </c>
      <c r="Q5" s="8" t="s">
        <v>25</v>
      </c>
      <c r="R5" s="8" t="s">
        <v>25</v>
      </c>
      <c r="S5" s="8" t="s">
        <v>25</v>
      </c>
      <c r="T5" s="8" t="s">
        <v>35</v>
      </c>
      <c r="U5" s="8" t="s">
        <v>319</v>
      </c>
      <c r="V5" s="8" t="s">
        <v>25</v>
      </c>
      <c r="W5" s="9">
        <v>45099</v>
      </c>
      <c r="X5" s="9">
        <v>47299</v>
      </c>
      <c r="Y5" s="9">
        <v>45099</v>
      </c>
    </row>
    <row r="6" spans="1:25" x14ac:dyDescent="0.2">
      <c r="A6" s="8" t="s">
        <v>44</v>
      </c>
      <c r="B6" t="s">
        <v>45</v>
      </c>
      <c r="C6" t="s">
        <v>28</v>
      </c>
      <c r="D6" t="s">
        <v>29</v>
      </c>
      <c r="E6" t="s">
        <v>46</v>
      </c>
      <c r="F6" t="s">
        <v>47</v>
      </c>
      <c r="G6" s="8" t="s">
        <v>25</v>
      </c>
      <c r="H6" t="s">
        <v>317</v>
      </c>
      <c r="I6" t="s">
        <v>48</v>
      </c>
      <c r="J6" s="8" t="s">
        <v>317</v>
      </c>
      <c r="K6" s="8" t="s">
        <v>317</v>
      </c>
      <c r="L6" s="8" t="s">
        <v>317</v>
      </c>
      <c r="M6" s="8" t="s">
        <v>317</v>
      </c>
      <c r="N6" s="8" t="s">
        <v>317</v>
      </c>
      <c r="O6" s="8" t="s">
        <v>317</v>
      </c>
      <c r="P6" t="s">
        <v>317</v>
      </c>
      <c r="Q6" s="8" t="s">
        <v>25</v>
      </c>
      <c r="R6" s="8" t="s">
        <v>25</v>
      </c>
      <c r="S6" s="8" t="s">
        <v>25</v>
      </c>
      <c r="T6" s="8" t="s">
        <v>35</v>
      </c>
      <c r="U6" s="8" t="s">
        <v>320</v>
      </c>
      <c r="V6" s="8" t="s">
        <v>25</v>
      </c>
      <c r="W6" s="9">
        <v>45106</v>
      </c>
      <c r="X6" s="9">
        <v>47299</v>
      </c>
      <c r="Y6" s="9">
        <v>45106</v>
      </c>
    </row>
    <row r="7" spans="1:25" x14ac:dyDescent="0.2">
      <c r="A7" s="8" t="s">
        <v>49</v>
      </c>
      <c r="B7" t="s">
        <v>50</v>
      </c>
      <c r="C7" t="s">
        <v>28</v>
      </c>
      <c r="D7" t="s">
        <v>38</v>
      </c>
      <c r="E7" t="s">
        <v>51</v>
      </c>
      <c r="F7" t="s">
        <v>52</v>
      </c>
      <c r="G7" s="8" t="s">
        <v>25</v>
      </c>
      <c r="H7" t="s">
        <v>53</v>
      </c>
      <c r="I7" t="s">
        <v>54</v>
      </c>
      <c r="J7" s="8" t="s">
        <v>317</v>
      </c>
      <c r="K7" s="8" t="s">
        <v>317</v>
      </c>
      <c r="L7" s="8" t="s">
        <v>317</v>
      </c>
      <c r="M7" s="8" t="s">
        <v>317</v>
      </c>
      <c r="N7" s="8" t="s">
        <v>317</v>
      </c>
      <c r="O7" s="8" t="s">
        <v>317</v>
      </c>
      <c r="P7" t="s">
        <v>317</v>
      </c>
      <c r="Q7" s="8" t="s">
        <v>25</v>
      </c>
      <c r="R7" s="8" t="s">
        <v>25</v>
      </c>
      <c r="S7" s="8" t="s">
        <v>25</v>
      </c>
      <c r="T7" s="8" t="s">
        <v>35</v>
      </c>
      <c r="U7" s="8" t="s">
        <v>321</v>
      </c>
      <c r="V7" s="8" t="s">
        <v>25</v>
      </c>
      <c r="W7" s="9">
        <v>45099</v>
      </c>
      <c r="X7" s="9">
        <v>47299</v>
      </c>
      <c r="Y7" s="9">
        <v>45099</v>
      </c>
    </row>
    <row r="8" spans="1:25" x14ac:dyDescent="0.2">
      <c r="A8" s="8" t="s">
        <v>57</v>
      </c>
      <c r="B8" t="s">
        <v>55</v>
      </c>
      <c r="C8" t="s">
        <v>28</v>
      </c>
      <c r="D8" t="s">
        <v>38</v>
      </c>
      <c r="E8" t="s">
        <v>58</v>
      </c>
      <c r="F8" t="s">
        <v>59</v>
      </c>
      <c r="G8" s="8" t="s">
        <v>60</v>
      </c>
      <c r="H8" t="s">
        <v>25</v>
      </c>
      <c r="I8" t="s">
        <v>61</v>
      </c>
      <c r="J8" s="8" t="s">
        <v>317</v>
      </c>
      <c r="K8" s="8" t="s">
        <v>317</v>
      </c>
      <c r="L8" s="8" t="s">
        <v>317</v>
      </c>
      <c r="M8" s="8" t="s">
        <v>317</v>
      </c>
      <c r="N8" s="8" t="s">
        <v>317</v>
      </c>
      <c r="O8" s="8" t="s">
        <v>25</v>
      </c>
      <c r="P8" t="s">
        <v>317</v>
      </c>
      <c r="Q8" s="8" t="s">
        <v>25</v>
      </c>
      <c r="R8" s="8" t="s">
        <v>25</v>
      </c>
      <c r="S8" s="8" t="s">
        <v>25</v>
      </c>
      <c r="T8" s="8" t="s">
        <v>35</v>
      </c>
      <c r="U8" s="8" t="s">
        <v>322</v>
      </c>
      <c r="V8" s="8" t="s">
        <v>25</v>
      </c>
      <c r="W8" s="9">
        <v>45106</v>
      </c>
      <c r="X8" s="9">
        <v>47299</v>
      </c>
      <c r="Y8" s="9">
        <v>45106</v>
      </c>
    </row>
    <row r="9" spans="1:25" x14ac:dyDescent="0.2">
      <c r="A9" s="8" t="s">
        <v>62</v>
      </c>
      <c r="B9" t="s">
        <v>27</v>
      </c>
      <c r="C9" t="s">
        <v>28</v>
      </c>
      <c r="D9" t="s">
        <v>29</v>
      </c>
      <c r="E9" t="s">
        <v>30</v>
      </c>
      <c r="F9" t="s">
        <v>63</v>
      </c>
      <c r="G9" s="8" t="s">
        <v>25</v>
      </c>
      <c r="H9" t="s">
        <v>64</v>
      </c>
      <c r="I9" t="s">
        <v>65</v>
      </c>
      <c r="J9" s="8" t="s">
        <v>317</v>
      </c>
      <c r="K9" s="8" t="s">
        <v>317</v>
      </c>
      <c r="L9" s="8" t="s">
        <v>317</v>
      </c>
      <c r="M9" s="8" t="s">
        <v>317</v>
      </c>
      <c r="N9" s="8" t="s">
        <v>317</v>
      </c>
      <c r="O9" s="8" t="s">
        <v>25</v>
      </c>
      <c r="P9" t="s">
        <v>317</v>
      </c>
      <c r="Q9" s="8" t="s">
        <v>25</v>
      </c>
      <c r="R9" s="8" t="s">
        <v>25</v>
      </c>
      <c r="S9" s="8" t="s">
        <v>25</v>
      </c>
      <c r="T9" s="8" t="s">
        <v>35</v>
      </c>
      <c r="U9" s="8" t="s">
        <v>323</v>
      </c>
      <c r="V9" s="8" t="s">
        <v>25</v>
      </c>
      <c r="W9" s="9">
        <v>45099</v>
      </c>
      <c r="X9" s="9">
        <v>47299</v>
      </c>
      <c r="Y9" s="9">
        <v>45099</v>
      </c>
    </row>
    <row r="10" spans="1:25" x14ac:dyDescent="0.2">
      <c r="A10" s="8" t="s">
        <v>66</v>
      </c>
      <c r="B10" t="s">
        <v>45</v>
      </c>
      <c r="C10" t="s">
        <v>28</v>
      </c>
      <c r="D10" t="s">
        <v>29</v>
      </c>
      <c r="E10" t="s">
        <v>46</v>
      </c>
      <c r="F10" t="s">
        <v>67</v>
      </c>
      <c r="G10" s="8" t="s">
        <v>25</v>
      </c>
      <c r="H10" t="s">
        <v>68</v>
      </c>
      <c r="I10" t="s">
        <v>69</v>
      </c>
      <c r="J10" s="8" t="s">
        <v>317</v>
      </c>
      <c r="K10" s="8" t="s">
        <v>317</v>
      </c>
      <c r="L10" s="8" t="s">
        <v>317</v>
      </c>
      <c r="M10" s="8" t="s">
        <v>317</v>
      </c>
      <c r="N10" s="8" t="s">
        <v>317</v>
      </c>
      <c r="O10" s="8" t="s">
        <v>25</v>
      </c>
      <c r="P10" t="s">
        <v>317</v>
      </c>
      <c r="Q10" s="8" t="s">
        <v>25</v>
      </c>
      <c r="R10" s="8" t="s">
        <v>25</v>
      </c>
      <c r="S10" s="8" t="s">
        <v>25</v>
      </c>
      <c r="T10" s="8" t="s">
        <v>35</v>
      </c>
      <c r="U10" s="8" t="s">
        <v>324</v>
      </c>
      <c r="V10" s="8" t="s">
        <v>25</v>
      </c>
      <c r="W10" s="9">
        <v>45092</v>
      </c>
      <c r="X10" s="9">
        <v>47299</v>
      </c>
      <c r="Y10" s="9">
        <v>45092</v>
      </c>
    </row>
    <row r="11" spans="1:25" x14ac:dyDescent="0.2">
      <c r="A11" s="8" t="s">
        <v>70</v>
      </c>
      <c r="B11" t="s">
        <v>55</v>
      </c>
      <c r="C11" t="s">
        <v>28</v>
      </c>
      <c r="D11" t="s">
        <v>38</v>
      </c>
      <c r="E11" t="s">
        <v>58</v>
      </c>
      <c r="F11" t="s">
        <v>71</v>
      </c>
      <c r="G11" s="8" t="s">
        <v>25</v>
      </c>
      <c r="H11" t="s">
        <v>72</v>
      </c>
      <c r="I11" t="s">
        <v>73</v>
      </c>
      <c r="J11" s="8" t="s">
        <v>317</v>
      </c>
      <c r="K11" s="8" t="s">
        <v>317</v>
      </c>
      <c r="L11" s="8" t="s">
        <v>317</v>
      </c>
      <c r="M11" s="8" t="s">
        <v>317</v>
      </c>
      <c r="N11" s="8" t="s">
        <v>317</v>
      </c>
      <c r="O11" s="8" t="s">
        <v>25</v>
      </c>
      <c r="P11" t="s">
        <v>317</v>
      </c>
      <c r="Q11" s="8" t="s">
        <v>25</v>
      </c>
      <c r="R11" s="8" t="s">
        <v>25</v>
      </c>
      <c r="S11" s="8" t="s">
        <v>25</v>
      </c>
      <c r="T11" s="8" t="s">
        <v>35</v>
      </c>
      <c r="U11" s="8" t="s">
        <v>325</v>
      </c>
      <c r="V11" s="8" t="s">
        <v>25</v>
      </c>
      <c r="W11" s="9">
        <v>45089</v>
      </c>
      <c r="X11" s="9">
        <v>47299</v>
      </c>
      <c r="Y11" s="9">
        <v>45089</v>
      </c>
    </row>
    <row r="12" spans="1:25" x14ac:dyDescent="0.2">
      <c r="A12" s="8" t="s">
        <v>74</v>
      </c>
      <c r="B12" t="s">
        <v>55</v>
      </c>
      <c r="C12" t="s">
        <v>28</v>
      </c>
      <c r="D12" t="s">
        <v>38</v>
      </c>
      <c r="E12" t="s">
        <v>75</v>
      </c>
      <c r="F12" t="s">
        <v>76</v>
      </c>
      <c r="G12" s="8" t="s">
        <v>25</v>
      </c>
      <c r="H12" t="s">
        <v>77</v>
      </c>
      <c r="I12" t="s">
        <v>78</v>
      </c>
      <c r="J12" s="8" t="s">
        <v>326</v>
      </c>
      <c r="K12" s="8" t="s">
        <v>79</v>
      </c>
      <c r="L12" s="8" t="s">
        <v>80</v>
      </c>
      <c r="M12" s="8" t="s">
        <v>327</v>
      </c>
      <c r="N12" s="8" t="s">
        <v>81</v>
      </c>
      <c r="O12" s="8" t="s">
        <v>25</v>
      </c>
      <c r="P12" t="s">
        <v>82</v>
      </c>
      <c r="Q12" s="8" t="s">
        <v>83</v>
      </c>
      <c r="R12" s="8" t="s">
        <v>84</v>
      </c>
      <c r="S12" s="8" t="s">
        <v>85</v>
      </c>
      <c r="T12" s="8" t="s">
        <v>86</v>
      </c>
      <c r="U12" s="8" t="s">
        <v>328</v>
      </c>
      <c r="V12" s="8" t="s">
        <v>25</v>
      </c>
      <c r="W12" s="9">
        <v>45106</v>
      </c>
      <c r="X12" s="9">
        <v>47299</v>
      </c>
      <c r="Y12" s="9">
        <v>45106</v>
      </c>
    </row>
    <row r="13" spans="1:25" x14ac:dyDescent="0.2">
      <c r="A13" s="8" t="s">
        <v>74</v>
      </c>
      <c r="B13" t="s">
        <v>55</v>
      </c>
      <c r="C13" t="s">
        <v>28</v>
      </c>
      <c r="D13" t="s">
        <v>38</v>
      </c>
      <c r="E13" t="s">
        <v>75</v>
      </c>
      <c r="F13" t="s">
        <v>76</v>
      </c>
      <c r="G13" s="8" t="s">
        <v>25</v>
      </c>
      <c r="H13" t="s">
        <v>87</v>
      </c>
      <c r="I13" t="s">
        <v>78</v>
      </c>
      <c r="J13" s="8" t="s">
        <v>326</v>
      </c>
      <c r="K13" s="8" t="s">
        <v>79</v>
      </c>
      <c r="L13" s="8" t="s">
        <v>80</v>
      </c>
      <c r="M13" s="8" t="s">
        <v>327</v>
      </c>
      <c r="N13" s="8" t="s">
        <v>81</v>
      </c>
      <c r="O13" s="8" t="s">
        <v>25</v>
      </c>
      <c r="P13" t="s">
        <v>82</v>
      </c>
      <c r="Q13" s="8" t="s">
        <v>83</v>
      </c>
      <c r="R13" s="8" t="s">
        <v>84</v>
      </c>
      <c r="S13" s="8" t="s">
        <v>85</v>
      </c>
      <c r="T13" s="8" t="s">
        <v>88</v>
      </c>
      <c r="U13" s="8" t="s">
        <v>329</v>
      </c>
      <c r="V13" s="8" t="s">
        <v>25</v>
      </c>
      <c r="W13" s="9">
        <v>45106</v>
      </c>
      <c r="X13" s="9">
        <v>47299</v>
      </c>
      <c r="Y13" s="9">
        <v>45106</v>
      </c>
    </row>
    <row r="14" spans="1:25" x14ac:dyDescent="0.2">
      <c r="A14" s="8" t="s">
        <v>89</v>
      </c>
      <c r="B14" t="s">
        <v>55</v>
      </c>
      <c r="C14" t="s">
        <v>28</v>
      </c>
      <c r="D14" t="s">
        <v>38</v>
      </c>
      <c r="E14" t="s">
        <v>75</v>
      </c>
      <c r="F14" t="s">
        <v>76</v>
      </c>
      <c r="G14" s="8" t="s">
        <v>25</v>
      </c>
      <c r="H14" t="s">
        <v>77</v>
      </c>
      <c r="I14" t="s">
        <v>78</v>
      </c>
      <c r="J14" s="8" t="s">
        <v>326</v>
      </c>
      <c r="K14" s="8" t="s">
        <v>79</v>
      </c>
      <c r="L14" s="8" t="s">
        <v>80</v>
      </c>
      <c r="M14" s="8" t="s">
        <v>327</v>
      </c>
      <c r="N14" s="8" t="s">
        <v>81</v>
      </c>
      <c r="O14" s="8" t="s">
        <v>25</v>
      </c>
      <c r="P14" t="s">
        <v>82</v>
      </c>
      <c r="Q14" s="8" t="s">
        <v>83</v>
      </c>
      <c r="R14" s="8" t="s">
        <v>84</v>
      </c>
      <c r="S14" s="8" t="s">
        <v>85</v>
      </c>
      <c r="T14" s="8" t="s">
        <v>90</v>
      </c>
      <c r="U14" s="8" t="s">
        <v>330</v>
      </c>
      <c r="V14" s="8" t="s">
        <v>25</v>
      </c>
      <c r="W14" s="9">
        <v>45106</v>
      </c>
      <c r="X14" s="9">
        <v>47299</v>
      </c>
      <c r="Y14" s="9">
        <v>45106</v>
      </c>
    </row>
    <row r="15" spans="1:25" x14ac:dyDescent="0.2">
      <c r="A15" s="8" t="s">
        <v>91</v>
      </c>
      <c r="B15" t="s">
        <v>55</v>
      </c>
      <c r="C15" t="s">
        <v>28</v>
      </c>
      <c r="D15" t="s">
        <v>38</v>
      </c>
      <c r="E15" t="s">
        <v>75</v>
      </c>
      <c r="F15" t="s">
        <v>92</v>
      </c>
      <c r="G15" s="8" t="s">
        <v>25</v>
      </c>
      <c r="H15" t="s">
        <v>93</v>
      </c>
      <c r="I15" t="s">
        <v>94</v>
      </c>
      <c r="J15" s="8" t="s">
        <v>95</v>
      </c>
      <c r="K15" s="8" t="s">
        <v>28</v>
      </c>
      <c r="L15" s="8" t="s">
        <v>96</v>
      </c>
      <c r="M15" s="8" t="s">
        <v>97</v>
      </c>
      <c r="N15" s="8" t="s">
        <v>98</v>
      </c>
      <c r="O15" s="8" t="s">
        <v>25</v>
      </c>
      <c r="P15" t="s">
        <v>99</v>
      </c>
      <c r="Q15" s="8" t="s">
        <v>83</v>
      </c>
      <c r="R15" s="8" t="s">
        <v>100</v>
      </c>
      <c r="S15" s="8" t="s">
        <v>101</v>
      </c>
      <c r="T15" s="8" t="s">
        <v>86</v>
      </c>
      <c r="U15" s="8" t="s">
        <v>331</v>
      </c>
      <c r="V15" s="8" t="s">
        <v>25</v>
      </c>
      <c r="W15" s="9">
        <v>45092</v>
      </c>
      <c r="X15" s="9">
        <v>47299</v>
      </c>
      <c r="Y15" s="9">
        <v>45092</v>
      </c>
    </row>
    <row r="16" spans="1:25" x14ac:dyDescent="0.2">
      <c r="A16" s="8" t="s">
        <v>102</v>
      </c>
      <c r="B16" t="s">
        <v>55</v>
      </c>
      <c r="C16" t="s">
        <v>28</v>
      </c>
      <c r="D16" t="s">
        <v>38</v>
      </c>
      <c r="E16" t="s">
        <v>75</v>
      </c>
      <c r="F16" t="s">
        <v>92</v>
      </c>
      <c r="G16" s="8" t="s">
        <v>25</v>
      </c>
      <c r="H16" t="s">
        <v>93</v>
      </c>
      <c r="I16" t="s">
        <v>94</v>
      </c>
      <c r="J16" s="8" t="s">
        <v>95</v>
      </c>
      <c r="K16" s="8" t="s">
        <v>28</v>
      </c>
      <c r="L16" s="8" t="s">
        <v>96</v>
      </c>
      <c r="M16" s="8" t="s">
        <v>97</v>
      </c>
      <c r="N16" s="8" t="s">
        <v>98</v>
      </c>
      <c r="O16" s="8" t="s">
        <v>25</v>
      </c>
      <c r="P16" t="s">
        <v>99</v>
      </c>
      <c r="Q16" s="8" t="s">
        <v>83</v>
      </c>
      <c r="R16" s="8" t="s">
        <v>100</v>
      </c>
      <c r="S16" s="8" t="s">
        <v>101</v>
      </c>
      <c r="T16" s="8" t="s">
        <v>88</v>
      </c>
      <c r="U16" s="8" t="s">
        <v>332</v>
      </c>
      <c r="V16" s="8" t="s">
        <v>25</v>
      </c>
      <c r="W16" s="9">
        <v>45092</v>
      </c>
      <c r="X16" s="9">
        <v>47299</v>
      </c>
      <c r="Y16" s="9">
        <v>45092</v>
      </c>
    </row>
    <row r="17" spans="1:25" x14ac:dyDescent="0.2">
      <c r="A17" s="8" t="s">
        <v>91</v>
      </c>
      <c r="B17" t="s">
        <v>55</v>
      </c>
      <c r="C17" t="s">
        <v>28</v>
      </c>
      <c r="D17" t="s">
        <v>38</v>
      </c>
      <c r="E17" t="s">
        <v>75</v>
      </c>
      <c r="F17" t="s">
        <v>92</v>
      </c>
      <c r="G17" s="8" t="s">
        <v>25</v>
      </c>
      <c r="H17" t="s">
        <v>93</v>
      </c>
      <c r="I17" t="s">
        <v>94</v>
      </c>
      <c r="J17" s="8" t="s">
        <v>95</v>
      </c>
      <c r="K17" s="8" t="s">
        <v>28</v>
      </c>
      <c r="L17" s="8" t="s">
        <v>96</v>
      </c>
      <c r="M17" s="8" t="s">
        <v>97</v>
      </c>
      <c r="N17" s="8" t="s">
        <v>98</v>
      </c>
      <c r="O17" s="8" t="s">
        <v>25</v>
      </c>
      <c r="P17" t="s">
        <v>99</v>
      </c>
      <c r="Q17" s="8" t="s">
        <v>83</v>
      </c>
      <c r="R17" s="8" t="s">
        <v>100</v>
      </c>
      <c r="S17" s="8" t="s">
        <v>101</v>
      </c>
      <c r="T17" s="8" t="s">
        <v>35</v>
      </c>
      <c r="U17" s="8" t="s">
        <v>333</v>
      </c>
      <c r="V17" s="8" t="s">
        <v>25</v>
      </c>
      <c r="W17" s="9">
        <v>45092</v>
      </c>
      <c r="X17" s="9">
        <v>47299</v>
      </c>
      <c r="Y17" s="9">
        <v>45092</v>
      </c>
    </row>
    <row r="18" spans="1:25" x14ac:dyDescent="0.2">
      <c r="A18" s="8" t="s">
        <v>103</v>
      </c>
      <c r="B18" t="s">
        <v>104</v>
      </c>
      <c r="C18" t="s">
        <v>28</v>
      </c>
      <c r="D18" t="s">
        <v>29</v>
      </c>
      <c r="E18" t="s">
        <v>105</v>
      </c>
      <c r="F18" t="s">
        <v>106</v>
      </c>
      <c r="G18" s="8" t="s">
        <v>25</v>
      </c>
      <c r="H18" t="s">
        <v>107</v>
      </c>
      <c r="I18" t="s">
        <v>108</v>
      </c>
      <c r="J18" s="8" t="s">
        <v>317</v>
      </c>
      <c r="K18" s="8" t="s">
        <v>317</v>
      </c>
      <c r="L18" s="8" t="s">
        <v>317</v>
      </c>
      <c r="M18" s="8" t="s">
        <v>317</v>
      </c>
      <c r="N18" s="8" t="s">
        <v>317</v>
      </c>
      <c r="O18" s="8" t="s">
        <v>25</v>
      </c>
      <c r="P18" t="s">
        <v>317</v>
      </c>
      <c r="Q18" s="8" t="s">
        <v>25</v>
      </c>
      <c r="R18" s="8" t="s">
        <v>25</v>
      </c>
      <c r="S18" s="8" t="s">
        <v>25</v>
      </c>
      <c r="T18" s="8" t="s">
        <v>35</v>
      </c>
      <c r="U18" s="8" t="s">
        <v>334</v>
      </c>
      <c r="V18" s="8" t="s">
        <v>25</v>
      </c>
      <c r="W18" s="9">
        <v>45107</v>
      </c>
      <c r="X18" s="9">
        <v>47330</v>
      </c>
      <c r="Y18" s="9">
        <v>45107</v>
      </c>
    </row>
    <row r="19" spans="1:25" x14ac:dyDescent="0.2">
      <c r="A19" s="8" t="s">
        <v>109</v>
      </c>
      <c r="B19" t="s">
        <v>27</v>
      </c>
      <c r="C19" t="s">
        <v>28</v>
      </c>
      <c r="D19" t="s">
        <v>29</v>
      </c>
      <c r="E19" t="s">
        <v>30</v>
      </c>
      <c r="F19" t="s">
        <v>110</v>
      </c>
      <c r="G19" s="8" t="s">
        <v>25</v>
      </c>
      <c r="H19" t="s">
        <v>111</v>
      </c>
      <c r="I19" t="s">
        <v>112</v>
      </c>
      <c r="J19" s="8" t="s">
        <v>317</v>
      </c>
      <c r="K19" s="8" t="s">
        <v>317</v>
      </c>
      <c r="L19" s="8" t="s">
        <v>317</v>
      </c>
      <c r="M19" s="8" t="s">
        <v>317</v>
      </c>
      <c r="N19" s="8" t="s">
        <v>317</v>
      </c>
      <c r="O19" s="8" t="s">
        <v>317</v>
      </c>
      <c r="P19" t="s">
        <v>317</v>
      </c>
      <c r="Q19" s="8" t="s">
        <v>25</v>
      </c>
      <c r="R19" s="8" t="s">
        <v>25</v>
      </c>
      <c r="S19" s="8" t="s">
        <v>25</v>
      </c>
      <c r="T19" s="8" t="s">
        <v>35</v>
      </c>
      <c r="U19" s="8" t="s">
        <v>335</v>
      </c>
      <c r="V19" s="8" t="s">
        <v>25</v>
      </c>
      <c r="W19" s="9">
        <v>45092</v>
      </c>
      <c r="X19" s="9">
        <v>47299</v>
      </c>
      <c r="Y19" s="9">
        <v>45092</v>
      </c>
    </row>
    <row r="20" spans="1:25" x14ac:dyDescent="0.2">
      <c r="A20" s="8" t="s">
        <v>113</v>
      </c>
      <c r="B20" t="s">
        <v>55</v>
      </c>
      <c r="C20" t="s">
        <v>28</v>
      </c>
      <c r="D20" t="s">
        <v>38</v>
      </c>
      <c r="E20" t="s">
        <v>58</v>
      </c>
      <c r="F20" t="s">
        <v>114</v>
      </c>
      <c r="G20" s="8" t="s">
        <v>115</v>
      </c>
      <c r="H20" t="s">
        <v>25</v>
      </c>
      <c r="I20" t="s">
        <v>116</v>
      </c>
      <c r="J20" s="8" t="s">
        <v>117</v>
      </c>
      <c r="K20" s="8" t="s">
        <v>118</v>
      </c>
      <c r="L20" s="8" t="s">
        <v>119</v>
      </c>
      <c r="M20" s="8" t="s">
        <v>336</v>
      </c>
      <c r="N20" s="8" t="s">
        <v>337</v>
      </c>
      <c r="O20" s="8" t="s">
        <v>25</v>
      </c>
      <c r="P20" t="s">
        <v>120</v>
      </c>
      <c r="Q20" s="8" t="s">
        <v>83</v>
      </c>
      <c r="R20" s="8" t="s">
        <v>121</v>
      </c>
      <c r="S20" s="8" t="s">
        <v>122</v>
      </c>
      <c r="T20" s="8" t="s">
        <v>35</v>
      </c>
      <c r="U20" s="8" t="s">
        <v>338</v>
      </c>
      <c r="V20" s="8" t="s">
        <v>25</v>
      </c>
      <c r="W20" s="9">
        <v>45106</v>
      </c>
      <c r="X20" s="9">
        <v>47299</v>
      </c>
      <c r="Y20" s="9">
        <v>45106</v>
      </c>
    </row>
    <row r="21" spans="1:25" x14ac:dyDescent="0.2">
      <c r="A21" s="8" t="s">
        <v>123</v>
      </c>
      <c r="B21" t="s">
        <v>45</v>
      </c>
      <c r="C21" t="s">
        <v>28</v>
      </c>
      <c r="D21" t="s">
        <v>29</v>
      </c>
      <c r="E21" t="s">
        <v>124</v>
      </c>
      <c r="F21" t="s">
        <v>125</v>
      </c>
      <c r="G21" s="8" t="s">
        <v>25</v>
      </c>
      <c r="H21" t="s">
        <v>126</v>
      </c>
      <c r="I21" t="s">
        <v>127</v>
      </c>
      <c r="J21" s="8" t="s">
        <v>317</v>
      </c>
      <c r="K21" s="8" t="s">
        <v>317</v>
      </c>
      <c r="L21" s="8" t="s">
        <v>317</v>
      </c>
      <c r="M21" s="8" t="s">
        <v>317</v>
      </c>
      <c r="N21" s="8" t="s">
        <v>317</v>
      </c>
      <c r="O21" s="8" t="s">
        <v>317</v>
      </c>
      <c r="P21" t="s">
        <v>317</v>
      </c>
      <c r="Q21" s="8" t="s">
        <v>25</v>
      </c>
      <c r="R21" s="8" t="s">
        <v>25</v>
      </c>
      <c r="S21" s="8" t="s">
        <v>25</v>
      </c>
      <c r="T21" s="8" t="s">
        <v>35</v>
      </c>
      <c r="U21" s="8" t="s">
        <v>339</v>
      </c>
      <c r="V21" s="8" t="s">
        <v>25</v>
      </c>
      <c r="W21" s="9">
        <v>45104</v>
      </c>
      <c r="X21" s="9">
        <v>47299</v>
      </c>
      <c r="Y21" s="9">
        <v>45104</v>
      </c>
    </row>
    <row r="22" spans="1:25" x14ac:dyDescent="0.2">
      <c r="A22" s="8" t="s">
        <v>340</v>
      </c>
      <c r="B22" t="s">
        <v>55</v>
      </c>
      <c r="C22" t="s">
        <v>28</v>
      </c>
      <c r="D22" t="s">
        <v>38</v>
      </c>
      <c r="E22" t="s">
        <v>58</v>
      </c>
      <c r="F22" t="s">
        <v>128</v>
      </c>
      <c r="G22" s="8" t="s">
        <v>25</v>
      </c>
      <c r="H22" t="s">
        <v>317</v>
      </c>
      <c r="I22" t="s">
        <v>129</v>
      </c>
      <c r="J22" s="8" t="s">
        <v>130</v>
      </c>
      <c r="K22" s="8" t="s">
        <v>28</v>
      </c>
      <c r="L22" s="8" t="s">
        <v>38</v>
      </c>
      <c r="M22" s="8" t="s">
        <v>131</v>
      </c>
      <c r="N22" s="8" t="s">
        <v>132</v>
      </c>
      <c r="O22" s="8" t="s">
        <v>25</v>
      </c>
      <c r="P22" t="s">
        <v>133</v>
      </c>
      <c r="Q22" s="8" t="s">
        <v>134</v>
      </c>
      <c r="R22" s="8" t="s">
        <v>135</v>
      </c>
      <c r="S22" s="8" t="s">
        <v>136</v>
      </c>
      <c r="T22" s="8" t="s">
        <v>35</v>
      </c>
      <c r="U22" s="8" t="s">
        <v>341</v>
      </c>
      <c r="V22" s="8" t="s">
        <v>25</v>
      </c>
      <c r="W22" s="9">
        <v>45104</v>
      </c>
      <c r="X22" s="9">
        <v>47299</v>
      </c>
      <c r="Y22" s="9">
        <v>45104</v>
      </c>
    </row>
    <row r="23" spans="1:25" x14ac:dyDescent="0.2">
      <c r="A23" s="8" t="s">
        <v>137</v>
      </c>
      <c r="B23" t="s">
        <v>50</v>
      </c>
      <c r="C23" t="s">
        <v>28</v>
      </c>
      <c r="D23" t="s">
        <v>38</v>
      </c>
      <c r="E23" t="s">
        <v>51</v>
      </c>
      <c r="F23" t="s">
        <v>138</v>
      </c>
      <c r="G23" s="8" t="s">
        <v>25</v>
      </c>
      <c r="H23" t="s">
        <v>317</v>
      </c>
      <c r="I23" t="s">
        <v>139</v>
      </c>
      <c r="J23" s="8" t="s">
        <v>140</v>
      </c>
      <c r="K23" s="8" t="s">
        <v>28</v>
      </c>
      <c r="L23" s="8" t="s">
        <v>141</v>
      </c>
      <c r="M23" s="8" t="s">
        <v>142</v>
      </c>
      <c r="N23" s="8" t="s">
        <v>143</v>
      </c>
      <c r="O23" s="8" t="s">
        <v>25</v>
      </c>
      <c r="P23" t="s">
        <v>144</v>
      </c>
      <c r="Q23" s="8" t="s">
        <v>83</v>
      </c>
      <c r="R23" s="8" t="s">
        <v>145</v>
      </c>
      <c r="S23" s="8" t="s">
        <v>146</v>
      </c>
      <c r="T23" s="8" t="s">
        <v>35</v>
      </c>
      <c r="U23" s="8" t="s">
        <v>342</v>
      </c>
      <c r="V23" s="8" t="s">
        <v>25</v>
      </c>
      <c r="W23" s="9">
        <v>45104</v>
      </c>
      <c r="X23" s="9">
        <v>47299</v>
      </c>
      <c r="Y23" s="9">
        <v>45104</v>
      </c>
    </row>
    <row r="24" spans="1:25" x14ac:dyDescent="0.2">
      <c r="A24" s="8" t="s">
        <v>147</v>
      </c>
      <c r="B24" t="s">
        <v>50</v>
      </c>
      <c r="C24" t="s">
        <v>28</v>
      </c>
      <c r="D24" t="s">
        <v>38</v>
      </c>
      <c r="E24" t="s">
        <v>51</v>
      </c>
      <c r="F24" t="s">
        <v>138</v>
      </c>
      <c r="G24" s="8" t="s">
        <v>25</v>
      </c>
      <c r="H24" t="s">
        <v>343</v>
      </c>
      <c r="I24" t="s">
        <v>139</v>
      </c>
      <c r="J24" s="8" t="s">
        <v>140</v>
      </c>
      <c r="K24" s="8" t="s">
        <v>28</v>
      </c>
      <c r="L24" s="8" t="s">
        <v>141</v>
      </c>
      <c r="M24" s="8" t="s">
        <v>142</v>
      </c>
      <c r="N24" s="8" t="s">
        <v>143</v>
      </c>
      <c r="O24" s="8" t="s">
        <v>25</v>
      </c>
      <c r="P24" t="s">
        <v>144</v>
      </c>
      <c r="Q24" s="8" t="s">
        <v>83</v>
      </c>
      <c r="R24" s="8" t="s">
        <v>145</v>
      </c>
      <c r="S24" s="8" t="s">
        <v>146</v>
      </c>
      <c r="T24" s="8" t="s">
        <v>35</v>
      </c>
      <c r="U24" s="8" t="s">
        <v>344</v>
      </c>
      <c r="V24" s="8" t="s">
        <v>25</v>
      </c>
      <c r="W24" s="9">
        <v>45104</v>
      </c>
      <c r="X24" s="9">
        <v>47299</v>
      </c>
      <c r="Y24" s="9">
        <v>45104</v>
      </c>
    </row>
    <row r="25" spans="1:25" x14ac:dyDescent="0.2">
      <c r="A25" s="8" t="s">
        <v>148</v>
      </c>
      <c r="B25" t="s">
        <v>27</v>
      </c>
      <c r="C25" t="s">
        <v>28</v>
      </c>
      <c r="D25" t="s">
        <v>29</v>
      </c>
      <c r="E25" t="s">
        <v>30</v>
      </c>
      <c r="F25" t="s">
        <v>63</v>
      </c>
      <c r="G25" s="8" t="s">
        <v>345</v>
      </c>
      <c r="H25" t="s">
        <v>149</v>
      </c>
      <c r="I25" t="s">
        <v>150</v>
      </c>
      <c r="J25" s="8" t="s">
        <v>317</v>
      </c>
      <c r="K25" s="8" t="s">
        <v>317</v>
      </c>
      <c r="L25" s="8" t="s">
        <v>317</v>
      </c>
      <c r="M25" s="8" t="s">
        <v>317</v>
      </c>
      <c r="N25" s="8" t="s">
        <v>317</v>
      </c>
      <c r="O25" s="8" t="s">
        <v>25</v>
      </c>
      <c r="P25" t="s">
        <v>317</v>
      </c>
      <c r="Q25" s="8" t="s">
        <v>25</v>
      </c>
      <c r="R25" s="8" t="s">
        <v>25</v>
      </c>
      <c r="S25" s="8" t="s">
        <v>25</v>
      </c>
      <c r="T25" s="8" t="s">
        <v>35</v>
      </c>
      <c r="U25" s="8" t="s">
        <v>346</v>
      </c>
      <c r="V25" s="8" t="s">
        <v>25</v>
      </c>
      <c r="W25" s="9">
        <v>45092</v>
      </c>
      <c r="X25" s="9">
        <v>47299</v>
      </c>
      <c r="Y25" s="9">
        <v>45092</v>
      </c>
    </row>
    <row r="26" spans="1:25" x14ac:dyDescent="0.2">
      <c r="A26" s="8" t="s">
        <v>151</v>
      </c>
      <c r="B26" t="s">
        <v>27</v>
      </c>
      <c r="C26" t="s">
        <v>28</v>
      </c>
      <c r="D26" t="s">
        <v>29</v>
      </c>
      <c r="E26" t="s">
        <v>152</v>
      </c>
      <c r="F26" t="s">
        <v>153</v>
      </c>
      <c r="G26" s="8" t="s">
        <v>25</v>
      </c>
      <c r="H26" t="s">
        <v>154</v>
      </c>
      <c r="I26" t="s">
        <v>155</v>
      </c>
      <c r="J26" s="8" t="s">
        <v>317</v>
      </c>
      <c r="K26" s="8" t="s">
        <v>317</v>
      </c>
      <c r="L26" s="8" t="s">
        <v>317</v>
      </c>
      <c r="M26" s="8" t="s">
        <v>317</v>
      </c>
      <c r="N26" s="8" t="s">
        <v>317</v>
      </c>
      <c r="O26" s="8" t="s">
        <v>25</v>
      </c>
      <c r="P26" t="s">
        <v>317</v>
      </c>
      <c r="Q26" s="8" t="s">
        <v>25</v>
      </c>
      <c r="R26" s="8" t="s">
        <v>25</v>
      </c>
      <c r="S26" s="8" t="s">
        <v>25</v>
      </c>
      <c r="T26" s="8" t="s">
        <v>35</v>
      </c>
      <c r="U26" s="8" t="s">
        <v>347</v>
      </c>
      <c r="V26" s="8" t="s">
        <v>25</v>
      </c>
      <c r="W26" s="9">
        <v>45099</v>
      </c>
      <c r="X26" s="9">
        <v>47299</v>
      </c>
      <c r="Y26" s="9">
        <v>45099</v>
      </c>
    </row>
    <row r="27" spans="1:25" x14ac:dyDescent="0.2">
      <c r="A27" s="8" t="s">
        <v>156</v>
      </c>
      <c r="B27" t="s">
        <v>27</v>
      </c>
      <c r="C27" t="s">
        <v>28</v>
      </c>
      <c r="D27" t="s">
        <v>29</v>
      </c>
      <c r="E27" t="s">
        <v>30</v>
      </c>
      <c r="F27" t="s">
        <v>157</v>
      </c>
      <c r="G27" s="8" t="s">
        <v>25</v>
      </c>
      <c r="H27" t="s">
        <v>158</v>
      </c>
      <c r="I27" t="s">
        <v>159</v>
      </c>
      <c r="J27" s="8" t="s">
        <v>317</v>
      </c>
      <c r="K27" s="8" t="s">
        <v>317</v>
      </c>
      <c r="L27" s="8" t="s">
        <v>317</v>
      </c>
      <c r="M27" s="8" t="s">
        <v>317</v>
      </c>
      <c r="N27" s="8" t="s">
        <v>317</v>
      </c>
      <c r="O27" s="8" t="s">
        <v>25</v>
      </c>
      <c r="P27" t="s">
        <v>317</v>
      </c>
      <c r="Q27" s="8" t="s">
        <v>25</v>
      </c>
      <c r="R27" s="8" t="s">
        <v>25</v>
      </c>
      <c r="S27" s="8" t="s">
        <v>25</v>
      </c>
      <c r="T27" s="8" t="s">
        <v>35</v>
      </c>
      <c r="U27" s="8" t="s">
        <v>348</v>
      </c>
      <c r="V27" s="8" t="s">
        <v>25</v>
      </c>
      <c r="W27" s="9">
        <v>45092</v>
      </c>
      <c r="X27" s="9">
        <v>47299</v>
      </c>
      <c r="Y27" s="9">
        <v>45092</v>
      </c>
    </row>
    <row r="28" spans="1:25" x14ac:dyDescent="0.2">
      <c r="A28" s="8" t="s">
        <v>160</v>
      </c>
      <c r="B28" t="s">
        <v>50</v>
      </c>
      <c r="C28" t="s">
        <v>28</v>
      </c>
      <c r="D28" t="s">
        <v>38</v>
      </c>
      <c r="E28" t="s">
        <v>51</v>
      </c>
      <c r="F28" t="s">
        <v>161</v>
      </c>
      <c r="G28" s="8" t="s">
        <v>25</v>
      </c>
      <c r="H28" t="s">
        <v>162</v>
      </c>
      <c r="I28" t="s">
        <v>163</v>
      </c>
      <c r="J28" s="8" t="s">
        <v>317</v>
      </c>
      <c r="K28" s="8" t="s">
        <v>317</v>
      </c>
      <c r="L28" s="8" t="s">
        <v>317</v>
      </c>
      <c r="M28" s="8" t="s">
        <v>317</v>
      </c>
      <c r="N28" s="8" t="s">
        <v>317</v>
      </c>
      <c r="O28" s="8" t="s">
        <v>25</v>
      </c>
      <c r="P28" t="s">
        <v>317</v>
      </c>
      <c r="Q28" s="8" t="s">
        <v>25</v>
      </c>
      <c r="R28" s="8" t="s">
        <v>25</v>
      </c>
      <c r="S28" s="8" t="s">
        <v>25</v>
      </c>
      <c r="T28" s="8" t="s">
        <v>35</v>
      </c>
      <c r="U28" s="8" t="s">
        <v>349</v>
      </c>
      <c r="V28" s="8" t="s">
        <v>25</v>
      </c>
      <c r="W28" s="9">
        <v>45092</v>
      </c>
      <c r="X28" s="9">
        <v>47299</v>
      </c>
      <c r="Y28" s="9">
        <v>45092</v>
      </c>
    </row>
    <row r="29" spans="1:25" x14ac:dyDescent="0.2">
      <c r="A29" s="8" t="s">
        <v>164</v>
      </c>
      <c r="B29" t="s">
        <v>55</v>
      </c>
      <c r="C29" t="s">
        <v>28</v>
      </c>
      <c r="D29" t="s">
        <v>38</v>
      </c>
      <c r="E29" t="s">
        <v>56</v>
      </c>
      <c r="F29" t="s">
        <v>47</v>
      </c>
      <c r="G29" s="8" t="s">
        <v>165</v>
      </c>
      <c r="H29" t="s">
        <v>166</v>
      </c>
      <c r="I29" t="s">
        <v>167</v>
      </c>
      <c r="J29" s="8" t="s">
        <v>55</v>
      </c>
      <c r="K29" s="8" t="s">
        <v>28</v>
      </c>
      <c r="L29" s="8" t="s">
        <v>38</v>
      </c>
      <c r="M29" s="8" t="s">
        <v>56</v>
      </c>
      <c r="N29" s="8" t="s">
        <v>47</v>
      </c>
      <c r="O29" s="8" t="s">
        <v>165</v>
      </c>
      <c r="P29" t="s">
        <v>166</v>
      </c>
      <c r="Q29" s="8" t="s">
        <v>168</v>
      </c>
      <c r="R29" s="8" t="s">
        <v>169</v>
      </c>
      <c r="S29" s="8" t="s">
        <v>170</v>
      </c>
      <c r="T29" s="8" t="s">
        <v>35</v>
      </c>
      <c r="U29" s="8" t="s">
        <v>350</v>
      </c>
      <c r="V29" s="8" t="s">
        <v>25</v>
      </c>
      <c r="W29" s="9">
        <v>45099</v>
      </c>
      <c r="X29" s="9">
        <v>47299</v>
      </c>
      <c r="Y29" s="9">
        <v>45099</v>
      </c>
    </row>
    <row r="30" spans="1:25" x14ac:dyDescent="0.2">
      <c r="A30" s="8" t="s">
        <v>171</v>
      </c>
      <c r="B30" t="s">
        <v>37</v>
      </c>
      <c r="C30" t="s">
        <v>28</v>
      </c>
      <c r="D30" t="s">
        <v>38</v>
      </c>
      <c r="E30" t="s">
        <v>172</v>
      </c>
      <c r="F30" t="s">
        <v>173</v>
      </c>
      <c r="G30" s="8" t="s">
        <v>25</v>
      </c>
      <c r="H30" t="s">
        <v>174</v>
      </c>
      <c r="I30" t="s">
        <v>175</v>
      </c>
      <c r="J30" s="8" t="s">
        <v>176</v>
      </c>
      <c r="K30" s="8" t="s">
        <v>177</v>
      </c>
      <c r="L30" s="8" t="s">
        <v>178</v>
      </c>
      <c r="M30" s="8" t="s">
        <v>179</v>
      </c>
      <c r="N30" s="8" t="s">
        <v>180</v>
      </c>
      <c r="O30" s="8" t="s">
        <v>25</v>
      </c>
      <c r="P30" t="s">
        <v>181</v>
      </c>
      <c r="Q30" s="8" t="s">
        <v>83</v>
      </c>
      <c r="R30" s="8" t="s">
        <v>182</v>
      </c>
      <c r="S30" s="8" t="s">
        <v>183</v>
      </c>
      <c r="T30" s="8" t="s">
        <v>184</v>
      </c>
      <c r="U30" s="8" t="s">
        <v>351</v>
      </c>
      <c r="V30" s="8" t="s">
        <v>25</v>
      </c>
      <c r="W30" s="9">
        <v>45106</v>
      </c>
      <c r="X30" s="9">
        <v>47299</v>
      </c>
      <c r="Y30" s="9">
        <v>45106</v>
      </c>
    </row>
    <row r="31" spans="1:25" x14ac:dyDescent="0.2">
      <c r="A31" s="8" t="s">
        <v>185</v>
      </c>
      <c r="B31" t="s">
        <v>45</v>
      </c>
      <c r="C31" t="s">
        <v>28</v>
      </c>
      <c r="D31" t="s">
        <v>29</v>
      </c>
      <c r="E31" t="s">
        <v>124</v>
      </c>
      <c r="F31" t="s">
        <v>186</v>
      </c>
      <c r="G31" s="8" t="s">
        <v>25</v>
      </c>
      <c r="H31" t="s">
        <v>317</v>
      </c>
      <c r="I31" t="s">
        <v>187</v>
      </c>
      <c r="J31" s="8" t="s">
        <v>317</v>
      </c>
      <c r="K31" s="8" t="s">
        <v>317</v>
      </c>
      <c r="L31" s="8" t="s">
        <v>317</v>
      </c>
      <c r="M31" s="8" t="s">
        <v>317</v>
      </c>
      <c r="N31" s="8" t="s">
        <v>317</v>
      </c>
      <c r="O31" s="8" t="s">
        <v>25</v>
      </c>
      <c r="P31" t="s">
        <v>317</v>
      </c>
      <c r="Q31" s="8" t="s">
        <v>25</v>
      </c>
      <c r="R31" s="8" t="s">
        <v>25</v>
      </c>
      <c r="S31" s="8" t="s">
        <v>25</v>
      </c>
      <c r="T31" s="8" t="s">
        <v>35</v>
      </c>
      <c r="U31" s="8" t="s">
        <v>352</v>
      </c>
      <c r="V31" s="8" t="s">
        <v>25</v>
      </c>
      <c r="W31" s="9">
        <v>45099</v>
      </c>
      <c r="X31" s="9">
        <v>47299</v>
      </c>
      <c r="Y31" s="9">
        <v>45099</v>
      </c>
    </row>
    <row r="32" spans="1:25" x14ac:dyDescent="0.2">
      <c r="A32" s="8" t="s">
        <v>188</v>
      </c>
      <c r="B32" t="s">
        <v>27</v>
      </c>
      <c r="C32" t="s">
        <v>28</v>
      </c>
      <c r="D32" t="s">
        <v>29</v>
      </c>
      <c r="E32" t="s">
        <v>152</v>
      </c>
      <c r="F32" t="s">
        <v>189</v>
      </c>
      <c r="G32" s="8" t="s">
        <v>25</v>
      </c>
      <c r="H32" t="s">
        <v>190</v>
      </c>
      <c r="I32" t="s">
        <v>191</v>
      </c>
      <c r="J32" s="8" t="s">
        <v>317</v>
      </c>
      <c r="K32" s="8" t="s">
        <v>317</v>
      </c>
      <c r="L32" s="8" t="s">
        <v>317</v>
      </c>
      <c r="M32" s="8" t="s">
        <v>317</v>
      </c>
      <c r="N32" s="8" t="s">
        <v>317</v>
      </c>
      <c r="O32" s="8" t="s">
        <v>25</v>
      </c>
      <c r="P32" t="s">
        <v>317</v>
      </c>
      <c r="Q32" s="8" t="s">
        <v>25</v>
      </c>
      <c r="R32" s="8" t="s">
        <v>25</v>
      </c>
      <c r="S32" s="8" t="s">
        <v>25</v>
      </c>
      <c r="T32" s="8" t="s">
        <v>35</v>
      </c>
      <c r="U32" s="8" t="s">
        <v>353</v>
      </c>
      <c r="V32" s="8" t="s">
        <v>25</v>
      </c>
      <c r="W32" s="9">
        <v>45099</v>
      </c>
      <c r="X32" s="9">
        <v>47299</v>
      </c>
      <c r="Y32" s="9">
        <v>45099</v>
      </c>
    </row>
    <row r="33" spans="1:25" x14ac:dyDescent="0.2">
      <c r="A33" s="8" t="s">
        <v>192</v>
      </c>
      <c r="B33" t="s">
        <v>45</v>
      </c>
      <c r="C33" t="s">
        <v>28</v>
      </c>
      <c r="D33" t="s">
        <v>29</v>
      </c>
      <c r="E33" t="s">
        <v>46</v>
      </c>
      <c r="F33" t="s">
        <v>193</v>
      </c>
      <c r="G33" s="8" t="s">
        <v>25</v>
      </c>
      <c r="H33" t="s">
        <v>194</v>
      </c>
      <c r="I33" t="s">
        <v>195</v>
      </c>
      <c r="J33" s="8" t="s">
        <v>45</v>
      </c>
      <c r="K33" s="8" t="s">
        <v>28</v>
      </c>
      <c r="L33" s="8" t="s">
        <v>29</v>
      </c>
      <c r="M33" s="8" t="s">
        <v>46</v>
      </c>
      <c r="N33" s="8" t="s">
        <v>196</v>
      </c>
      <c r="O33" s="8" t="s">
        <v>25</v>
      </c>
      <c r="P33" t="s">
        <v>194</v>
      </c>
      <c r="Q33" s="8" t="s">
        <v>83</v>
      </c>
      <c r="R33" s="8" t="s">
        <v>197</v>
      </c>
      <c r="S33" s="8" t="s">
        <v>198</v>
      </c>
      <c r="T33" s="8" t="s">
        <v>35</v>
      </c>
      <c r="U33" s="8" t="s">
        <v>354</v>
      </c>
      <c r="V33" s="8" t="s">
        <v>25</v>
      </c>
      <c r="W33" s="9">
        <v>45092</v>
      </c>
      <c r="X33" s="9">
        <v>47299</v>
      </c>
      <c r="Y33" s="9">
        <v>45092</v>
      </c>
    </row>
    <row r="34" spans="1:25" x14ac:dyDescent="0.2">
      <c r="A34" s="8" t="s">
        <v>199</v>
      </c>
      <c r="B34" t="s">
        <v>45</v>
      </c>
      <c r="C34" t="s">
        <v>28</v>
      </c>
      <c r="D34" t="s">
        <v>29</v>
      </c>
      <c r="E34" t="s">
        <v>46</v>
      </c>
      <c r="F34" t="s">
        <v>200</v>
      </c>
      <c r="G34" s="8" t="s">
        <v>25</v>
      </c>
      <c r="H34" t="s">
        <v>201</v>
      </c>
      <c r="I34" t="s">
        <v>202</v>
      </c>
      <c r="J34" s="8" t="s">
        <v>317</v>
      </c>
      <c r="K34" s="8" t="s">
        <v>317</v>
      </c>
      <c r="L34" s="8" t="s">
        <v>317</v>
      </c>
      <c r="M34" s="8" t="s">
        <v>317</v>
      </c>
      <c r="N34" s="8" t="s">
        <v>317</v>
      </c>
      <c r="O34" s="8" t="s">
        <v>25</v>
      </c>
      <c r="P34" t="s">
        <v>317</v>
      </c>
      <c r="Q34" s="8" t="s">
        <v>25</v>
      </c>
      <c r="R34" s="8" t="s">
        <v>25</v>
      </c>
      <c r="S34" s="8" t="s">
        <v>25</v>
      </c>
      <c r="T34" s="8" t="s">
        <v>35</v>
      </c>
      <c r="U34" s="8" t="s">
        <v>355</v>
      </c>
      <c r="V34" s="8" t="s">
        <v>25</v>
      </c>
      <c r="W34" s="9">
        <v>45099</v>
      </c>
      <c r="X34" s="9">
        <v>47299</v>
      </c>
      <c r="Y34" s="9">
        <v>45099</v>
      </c>
    </row>
    <row r="35" spans="1:25" x14ac:dyDescent="0.2">
      <c r="A35" s="8" t="s">
        <v>203</v>
      </c>
      <c r="B35" t="s">
        <v>204</v>
      </c>
      <c r="C35" t="s">
        <v>28</v>
      </c>
      <c r="D35" t="s">
        <v>29</v>
      </c>
      <c r="E35" t="s">
        <v>205</v>
      </c>
      <c r="F35" t="s">
        <v>34</v>
      </c>
      <c r="G35" s="8" t="s">
        <v>25</v>
      </c>
      <c r="H35" t="s">
        <v>206</v>
      </c>
      <c r="I35" t="s">
        <v>207</v>
      </c>
      <c r="J35" s="8" t="s">
        <v>317</v>
      </c>
      <c r="K35" s="8" t="s">
        <v>317</v>
      </c>
      <c r="L35" s="8" t="s">
        <v>317</v>
      </c>
      <c r="M35" s="8" t="s">
        <v>317</v>
      </c>
      <c r="N35" s="8" t="s">
        <v>317</v>
      </c>
      <c r="O35" s="8" t="s">
        <v>25</v>
      </c>
      <c r="P35" t="s">
        <v>317</v>
      </c>
      <c r="Q35" s="8" t="s">
        <v>25</v>
      </c>
      <c r="R35" s="8" t="s">
        <v>25</v>
      </c>
      <c r="S35" s="8" t="s">
        <v>25</v>
      </c>
      <c r="T35" s="8" t="s">
        <v>35</v>
      </c>
      <c r="U35" s="8" t="s">
        <v>356</v>
      </c>
      <c r="V35" s="8" t="s">
        <v>25</v>
      </c>
      <c r="W35" s="9">
        <v>45099</v>
      </c>
      <c r="X35" s="9">
        <v>47299</v>
      </c>
      <c r="Y35" s="9">
        <v>45099</v>
      </c>
    </row>
    <row r="36" spans="1:25" x14ac:dyDescent="0.2">
      <c r="A36" s="8" t="s">
        <v>208</v>
      </c>
      <c r="B36" t="s">
        <v>209</v>
      </c>
      <c r="C36" t="s">
        <v>28</v>
      </c>
      <c r="D36" t="s">
        <v>29</v>
      </c>
      <c r="E36" t="s">
        <v>210</v>
      </c>
      <c r="F36" t="s">
        <v>211</v>
      </c>
      <c r="G36" s="8" t="s">
        <v>25</v>
      </c>
      <c r="H36" t="s">
        <v>212</v>
      </c>
      <c r="I36" t="s">
        <v>213</v>
      </c>
      <c r="J36" s="8" t="s">
        <v>214</v>
      </c>
      <c r="K36" s="8" t="s">
        <v>215</v>
      </c>
      <c r="L36" s="8" t="s">
        <v>216</v>
      </c>
      <c r="M36" s="8" t="s">
        <v>357</v>
      </c>
      <c r="N36" s="8" t="s">
        <v>358</v>
      </c>
      <c r="O36" s="8" t="s">
        <v>25</v>
      </c>
      <c r="P36" t="s">
        <v>217</v>
      </c>
      <c r="Q36" s="8" t="s">
        <v>83</v>
      </c>
      <c r="R36" s="8" t="s">
        <v>359</v>
      </c>
      <c r="S36" s="8" t="s">
        <v>360</v>
      </c>
      <c r="T36" s="8" t="s">
        <v>35</v>
      </c>
      <c r="U36" s="8" t="s">
        <v>361</v>
      </c>
      <c r="V36" s="8" t="s">
        <v>25</v>
      </c>
      <c r="W36" s="9">
        <v>45107</v>
      </c>
      <c r="X36" s="9">
        <v>47330</v>
      </c>
      <c r="Y36" s="9">
        <v>45107</v>
      </c>
    </row>
    <row r="37" spans="1:25" x14ac:dyDescent="0.2">
      <c r="A37" s="8" t="s">
        <v>218</v>
      </c>
      <c r="B37" t="s">
        <v>55</v>
      </c>
      <c r="C37" t="s">
        <v>28</v>
      </c>
      <c r="D37" t="s">
        <v>38</v>
      </c>
      <c r="E37" t="s">
        <v>75</v>
      </c>
      <c r="F37" t="s">
        <v>76</v>
      </c>
      <c r="G37" s="8" t="s">
        <v>219</v>
      </c>
      <c r="H37" t="s">
        <v>317</v>
      </c>
      <c r="I37" t="s">
        <v>220</v>
      </c>
      <c r="J37" s="8" t="s">
        <v>221</v>
      </c>
      <c r="K37" s="8" t="s">
        <v>79</v>
      </c>
      <c r="L37" s="8" t="s">
        <v>80</v>
      </c>
      <c r="M37" s="8" t="s">
        <v>327</v>
      </c>
      <c r="N37" s="8" t="s">
        <v>81</v>
      </c>
      <c r="O37" s="8" t="s">
        <v>25</v>
      </c>
      <c r="P37" t="s">
        <v>222</v>
      </c>
      <c r="Q37" s="8" t="s">
        <v>223</v>
      </c>
      <c r="R37" s="8" t="s">
        <v>224</v>
      </c>
      <c r="S37" s="8" t="s">
        <v>225</v>
      </c>
      <c r="T37" s="8" t="s">
        <v>35</v>
      </c>
      <c r="U37" s="8" t="s">
        <v>362</v>
      </c>
      <c r="V37" s="8" t="s">
        <v>25</v>
      </c>
      <c r="W37" s="9">
        <v>45092</v>
      </c>
      <c r="X37" s="9">
        <v>47299</v>
      </c>
      <c r="Y37" s="9">
        <v>45092</v>
      </c>
    </row>
    <row r="38" spans="1:25" x14ac:dyDescent="0.2">
      <c r="A38" s="8" t="s">
        <v>226</v>
      </c>
      <c r="B38" t="s">
        <v>55</v>
      </c>
      <c r="C38" t="s">
        <v>28</v>
      </c>
      <c r="D38" t="s">
        <v>38</v>
      </c>
      <c r="E38" t="s">
        <v>58</v>
      </c>
      <c r="F38" t="s">
        <v>227</v>
      </c>
      <c r="G38" s="8" t="s">
        <v>25</v>
      </c>
      <c r="H38" t="s">
        <v>363</v>
      </c>
      <c r="I38" t="s">
        <v>228</v>
      </c>
      <c r="J38" s="8" t="s">
        <v>317</v>
      </c>
      <c r="K38" s="8" t="s">
        <v>317</v>
      </c>
      <c r="L38" s="8" t="s">
        <v>317</v>
      </c>
      <c r="M38" s="8" t="s">
        <v>317</v>
      </c>
      <c r="N38" s="8" t="s">
        <v>317</v>
      </c>
      <c r="O38" s="8" t="s">
        <v>25</v>
      </c>
      <c r="P38" t="s">
        <v>317</v>
      </c>
      <c r="Q38" s="8" t="s">
        <v>25</v>
      </c>
      <c r="R38" s="8" t="s">
        <v>25</v>
      </c>
      <c r="S38" s="8" t="s">
        <v>25</v>
      </c>
      <c r="T38" s="8" t="s">
        <v>35</v>
      </c>
      <c r="U38" s="8" t="s">
        <v>364</v>
      </c>
      <c r="V38" s="8" t="s">
        <v>25</v>
      </c>
      <c r="W38" s="9">
        <v>45106</v>
      </c>
      <c r="X38" s="9">
        <v>47299</v>
      </c>
      <c r="Y38" s="9">
        <v>45106</v>
      </c>
    </row>
    <row r="39" spans="1:25" x14ac:dyDescent="0.2">
      <c r="A39" s="8" t="s">
        <v>365</v>
      </c>
      <c r="B39" t="s">
        <v>204</v>
      </c>
      <c r="C39" t="s">
        <v>28</v>
      </c>
      <c r="D39" t="s">
        <v>29</v>
      </c>
      <c r="E39" t="s">
        <v>205</v>
      </c>
      <c r="F39" t="s">
        <v>229</v>
      </c>
      <c r="G39" s="8" t="s">
        <v>25</v>
      </c>
      <c r="H39" t="s">
        <v>25</v>
      </c>
      <c r="I39" t="s">
        <v>230</v>
      </c>
      <c r="J39" s="8" t="s">
        <v>366</v>
      </c>
      <c r="K39" s="8" t="s">
        <v>28</v>
      </c>
      <c r="L39" s="8" t="s">
        <v>29</v>
      </c>
      <c r="M39" s="8" t="s">
        <v>367</v>
      </c>
      <c r="N39" s="8" t="s">
        <v>368</v>
      </c>
      <c r="O39" s="8" t="s">
        <v>369</v>
      </c>
      <c r="P39" t="s">
        <v>370</v>
      </c>
      <c r="Q39" s="8" t="s">
        <v>231</v>
      </c>
      <c r="R39" s="8" t="s">
        <v>371</v>
      </c>
      <c r="S39" s="8" t="s">
        <v>372</v>
      </c>
      <c r="T39" s="8" t="s">
        <v>35</v>
      </c>
      <c r="U39" s="8" t="s">
        <v>373</v>
      </c>
      <c r="V39" s="8" t="s">
        <v>25</v>
      </c>
      <c r="W39" s="9">
        <v>45092</v>
      </c>
      <c r="X39" s="9">
        <v>47299</v>
      </c>
      <c r="Y39" s="9">
        <v>45092</v>
      </c>
    </row>
    <row r="40" spans="1:25" x14ac:dyDescent="0.2">
      <c r="A40" s="8" t="s">
        <v>232</v>
      </c>
      <c r="B40" t="s">
        <v>55</v>
      </c>
      <c r="C40" t="s">
        <v>28</v>
      </c>
      <c r="D40" t="s">
        <v>38</v>
      </c>
      <c r="E40" t="s">
        <v>58</v>
      </c>
      <c r="F40" t="s">
        <v>233</v>
      </c>
      <c r="G40" s="8" t="s">
        <v>25</v>
      </c>
      <c r="H40" t="s">
        <v>234</v>
      </c>
      <c r="I40" t="s">
        <v>374</v>
      </c>
      <c r="J40" s="8" t="s">
        <v>317</v>
      </c>
      <c r="K40" s="8" t="s">
        <v>317</v>
      </c>
      <c r="L40" s="8" t="s">
        <v>317</v>
      </c>
      <c r="M40" s="8" t="s">
        <v>317</v>
      </c>
      <c r="N40" s="8" t="s">
        <v>317</v>
      </c>
      <c r="O40" s="8" t="s">
        <v>25</v>
      </c>
      <c r="P40" t="s">
        <v>317</v>
      </c>
      <c r="Q40" s="8" t="s">
        <v>25</v>
      </c>
      <c r="R40" s="8" t="s">
        <v>25</v>
      </c>
      <c r="S40" s="8" t="s">
        <v>25</v>
      </c>
      <c r="T40" s="8" t="s">
        <v>35</v>
      </c>
      <c r="U40" s="8" t="s">
        <v>375</v>
      </c>
      <c r="V40" s="8" t="s">
        <v>25</v>
      </c>
      <c r="W40" s="9">
        <v>45104</v>
      </c>
      <c r="X40" s="9">
        <v>47299</v>
      </c>
      <c r="Y40" s="9">
        <v>45104</v>
      </c>
    </row>
    <row r="41" spans="1:25" x14ac:dyDescent="0.2">
      <c r="A41" s="8" t="s">
        <v>235</v>
      </c>
      <c r="B41" t="s">
        <v>236</v>
      </c>
      <c r="C41" t="s">
        <v>28</v>
      </c>
      <c r="D41" t="s">
        <v>29</v>
      </c>
      <c r="E41" t="s">
        <v>237</v>
      </c>
      <c r="F41" t="s">
        <v>238</v>
      </c>
      <c r="G41" s="8" t="s">
        <v>25</v>
      </c>
      <c r="H41" t="s">
        <v>239</v>
      </c>
      <c r="I41" t="s">
        <v>240</v>
      </c>
      <c r="J41" s="8" t="s">
        <v>317</v>
      </c>
      <c r="K41" s="8" t="s">
        <v>317</v>
      </c>
      <c r="L41" s="8" t="s">
        <v>317</v>
      </c>
      <c r="M41" s="8" t="s">
        <v>317</v>
      </c>
      <c r="N41" s="8" t="s">
        <v>317</v>
      </c>
      <c r="O41" s="8" t="s">
        <v>25</v>
      </c>
      <c r="P41" t="s">
        <v>317</v>
      </c>
      <c r="Q41" s="8" t="s">
        <v>25</v>
      </c>
      <c r="R41" s="8" t="s">
        <v>25</v>
      </c>
      <c r="S41" s="8" t="s">
        <v>25</v>
      </c>
      <c r="T41" s="8" t="s">
        <v>35</v>
      </c>
      <c r="U41" s="8" t="s">
        <v>376</v>
      </c>
      <c r="V41" s="8" t="s">
        <v>25</v>
      </c>
      <c r="W41" s="9">
        <v>45092</v>
      </c>
      <c r="X41" s="9">
        <v>47299</v>
      </c>
      <c r="Y41" s="9">
        <v>45092</v>
      </c>
    </row>
    <row r="42" spans="1:25" x14ac:dyDescent="0.2">
      <c r="A42" s="8" t="s">
        <v>243</v>
      </c>
      <c r="B42" t="s">
        <v>45</v>
      </c>
      <c r="C42" t="s">
        <v>28</v>
      </c>
      <c r="D42" t="s">
        <v>29</v>
      </c>
      <c r="E42" t="s">
        <v>46</v>
      </c>
      <c r="F42" t="s">
        <v>244</v>
      </c>
      <c r="G42" s="8" t="s">
        <v>25</v>
      </c>
      <c r="H42" t="s">
        <v>245</v>
      </c>
      <c r="I42" t="s">
        <v>246</v>
      </c>
      <c r="J42" s="8" t="s">
        <v>317</v>
      </c>
      <c r="K42" s="8" t="s">
        <v>317</v>
      </c>
      <c r="L42" s="8" t="s">
        <v>317</v>
      </c>
      <c r="M42" s="8" t="s">
        <v>317</v>
      </c>
      <c r="N42" s="8" t="s">
        <v>317</v>
      </c>
      <c r="O42" s="8" t="s">
        <v>25</v>
      </c>
      <c r="P42" t="s">
        <v>317</v>
      </c>
      <c r="Q42" s="8" t="s">
        <v>25</v>
      </c>
      <c r="R42" s="8" t="s">
        <v>25</v>
      </c>
      <c r="S42" s="8" t="s">
        <v>25</v>
      </c>
      <c r="T42" s="8" t="s">
        <v>35</v>
      </c>
      <c r="U42" s="8" t="s">
        <v>377</v>
      </c>
      <c r="V42" s="8" t="s">
        <v>25</v>
      </c>
      <c r="W42" s="9">
        <v>45092</v>
      </c>
      <c r="X42" s="9">
        <v>47299</v>
      </c>
      <c r="Y42" s="9">
        <v>45092</v>
      </c>
    </row>
    <row r="43" spans="1:25" x14ac:dyDescent="0.2">
      <c r="A43" s="8" t="s">
        <v>247</v>
      </c>
      <c r="B43" t="s">
        <v>27</v>
      </c>
      <c r="C43" t="s">
        <v>28</v>
      </c>
      <c r="D43" t="s">
        <v>29</v>
      </c>
      <c r="E43" t="s">
        <v>152</v>
      </c>
      <c r="F43" t="s">
        <v>248</v>
      </c>
      <c r="G43" s="8" t="s">
        <v>25</v>
      </c>
      <c r="H43" t="s">
        <v>317</v>
      </c>
      <c r="I43" t="s">
        <v>249</v>
      </c>
      <c r="J43" s="8" t="s">
        <v>317</v>
      </c>
      <c r="K43" s="8" t="s">
        <v>317</v>
      </c>
      <c r="L43" s="8" t="s">
        <v>317</v>
      </c>
      <c r="M43" s="8" t="s">
        <v>317</v>
      </c>
      <c r="N43" s="8" t="s">
        <v>317</v>
      </c>
      <c r="O43" s="8" t="s">
        <v>25</v>
      </c>
      <c r="P43" t="s">
        <v>317</v>
      </c>
      <c r="Q43" s="8" t="s">
        <v>25</v>
      </c>
      <c r="R43" s="8" t="s">
        <v>25</v>
      </c>
      <c r="S43" s="8" t="s">
        <v>25</v>
      </c>
      <c r="T43" s="8" t="s">
        <v>35</v>
      </c>
      <c r="U43" s="8" t="s">
        <v>378</v>
      </c>
      <c r="V43" s="8" t="s">
        <v>25</v>
      </c>
      <c r="W43" s="9">
        <v>45092</v>
      </c>
      <c r="X43" s="9">
        <v>47299</v>
      </c>
      <c r="Y43" s="9">
        <v>45092</v>
      </c>
    </row>
    <row r="44" spans="1:25" x14ac:dyDescent="0.2">
      <c r="A44" s="8" t="s">
        <v>250</v>
      </c>
      <c r="B44" t="s">
        <v>251</v>
      </c>
      <c r="C44" t="s">
        <v>28</v>
      </c>
      <c r="D44" t="s">
        <v>29</v>
      </c>
      <c r="E44" t="s">
        <v>252</v>
      </c>
      <c r="F44" t="s">
        <v>253</v>
      </c>
      <c r="G44" s="8" t="s">
        <v>25</v>
      </c>
      <c r="H44" t="s">
        <v>254</v>
      </c>
      <c r="I44" t="s">
        <v>255</v>
      </c>
      <c r="J44" s="8" t="s">
        <v>251</v>
      </c>
      <c r="K44" s="8" t="s">
        <v>28</v>
      </c>
      <c r="L44" s="8" t="s">
        <v>29</v>
      </c>
      <c r="M44" s="8" t="s">
        <v>252</v>
      </c>
      <c r="N44" s="8" t="s">
        <v>253</v>
      </c>
      <c r="O44" s="8" t="s">
        <v>25</v>
      </c>
      <c r="P44" t="s">
        <v>254</v>
      </c>
      <c r="Q44" s="8" t="s">
        <v>83</v>
      </c>
      <c r="R44" s="8" t="s">
        <v>256</v>
      </c>
      <c r="S44" s="8" t="s">
        <v>170</v>
      </c>
      <c r="T44" s="8" t="s">
        <v>35</v>
      </c>
      <c r="U44" s="8" t="s">
        <v>379</v>
      </c>
      <c r="V44" s="8" t="s">
        <v>25</v>
      </c>
      <c r="W44" s="9">
        <v>45092</v>
      </c>
      <c r="X44" s="9">
        <v>47299</v>
      </c>
      <c r="Y44" s="9">
        <v>45092</v>
      </c>
    </row>
    <row r="45" spans="1:25" x14ac:dyDescent="0.2">
      <c r="A45" s="8" t="s">
        <v>257</v>
      </c>
      <c r="B45" t="s">
        <v>45</v>
      </c>
      <c r="C45" t="s">
        <v>28</v>
      </c>
      <c r="D45" t="s">
        <v>29</v>
      </c>
      <c r="E45" t="s">
        <v>124</v>
      </c>
      <c r="F45" t="s">
        <v>258</v>
      </c>
      <c r="G45" s="8" t="s">
        <v>25</v>
      </c>
      <c r="H45" t="s">
        <v>259</v>
      </c>
      <c r="I45" t="s">
        <v>260</v>
      </c>
      <c r="J45" s="8" t="s">
        <v>317</v>
      </c>
      <c r="K45" s="8" t="s">
        <v>317</v>
      </c>
      <c r="L45" s="8" t="s">
        <v>317</v>
      </c>
      <c r="M45" s="8" t="s">
        <v>317</v>
      </c>
      <c r="N45" s="8" t="s">
        <v>317</v>
      </c>
      <c r="O45" s="8" t="s">
        <v>317</v>
      </c>
      <c r="P45" t="s">
        <v>317</v>
      </c>
      <c r="Q45" s="8" t="s">
        <v>25</v>
      </c>
      <c r="R45" s="8" t="s">
        <v>25</v>
      </c>
      <c r="S45" s="8" t="s">
        <v>25</v>
      </c>
      <c r="T45" s="8" t="s">
        <v>35</v>
      </c>
      <c r="U45" s="8" t="s">
        <v>380</v>
      </c>
      <c r="V45" s="8" t="s">
        <v>25</v>
      </c>
      <c r="W45" s="9">
        <v>45106</v>
      </c>
      <c r="X45" s="9">
        <v>47299</v>
      </c>
      <c r="Y45" s="9">
        <v>45106</v>
      </c>
    </row>
    <row r="46" spans="1:25" x14ac:dyDescent="0.2">
      <c r="A46" s="8" t="s">
        <v>261</v>
      </c>
      <c r="B46" t="s">
        <v>27</v>
      </c>
      <c r="C46" t="s">
        <v>28</v>
      </c>
      <c r="D46" t="s">
        <v>29</v>
      </c>
      <c r="E46" t="s">
        <v>152</v>
      </c>
      <c r="F46" t="s">
        <v>262</v>
      </c>
      <c r="G46" s="8" t="s">
        <v>25</v>
      </c>
      <c r="H46" t="s">
        <v>381</v>
      </c>
      <c r="I46" t="s">
        <v>263</v>
      </c>
      <c r="J46" s="8" t="s">
        <v>317</v>
      </c>
      <c r="K46" s="8" t="s">
        <v>317</v>
      </c>
      <c r="L46" s="8" t="s">
        <v>317</v>
      </c>
      <c r="M46" s="8" t="s">
        <v>317</v>
      </c>
      <c r="N46" s="8" t="s">
        <v>317</v>
      </c>
      <c r="O46" s="8" t="s">
        <v>317</v>
      </c>
      <c r="P46" t="s">
        <v>317</v>
      </c>
      <c r="Q46" s="8" t="s">
        <v>25</v>
      </c>
      <c r="R46" s="8" t="s">
        <v>25</v>
      </c>
      <c r="S46" s="8" t="s">
        <v>25</v>
      </c>
      <c r="T46" s="8" t="s">
        <v>35</v>
      </c>
      <c r="U46" s="8" t="s">
        <v>382</v>
      </c>
      <c r="V46" s="8" t="s">
        <v>25</v>
      </c>
      <c r="W46" s="9">
        <v>45106</v>
      </c>
      <c r="X46" s="9">
        <v>47299</v>
      </c>
      <c r="Y46" s="9">
        <v>45106</v>
      </c>
    </row>
    <row r="47" spans="1:25" x14ac:dyDescent="0.2">
      <c r="A47" s="8" t="s">
        <v>383</v>
      </c>
      <c r="B47" t="s">
        <v>55</v>
      </c>
      <c r="C47" t="s">
        <v>28</v>
      </c>
      <c r="D47" t="s">
        <v>38</v>
      </c>
      <c r="E47" t="s">
        <v>75</v>
      </c>
      <c r="F47" t="s">
        <v>76</v>
      </c>
      <c r="G47" s="8" t="s">
        <v>25</v>
      </c>
      <c r="H47" t="s">
        <v>264</v>
      </c>
      <c r="I47" t="s">
        <v>265</v>
      </c>
      <c r="J47" s="8" t="s">
        <v>42</v>
      </c>
      <c r="K47" s="8" t="s">
        <v>28</v>
      </c>
      <c r="L47" s="8" t="s">
        <v>38</v>
      </c>
      <c r="M47" s="8" t="s">
        <v>43</v>
      </c>
      <c r="N47" s="8" t="s">
        <v>266</v>
      </c>
      <c r="O47" s="8" t="s">
        <v>25</v>
      </c>
      <c r="P47" t="s">
        <v>267</v>
      </c>
      <c r="Q47" s="8" t="s">
        <v>83</v>
      </c>
      <c r="R47" s="8" t="s">
        <v>268</v>
      </c>
      <c r="S47" s="8" t="s">
        <v>269</v>
      </c>
      <c r="T47" s="8" t="s">
        <v>35</v>
      </c>
      <c r="U47" s="8" t="s">
        <v>384</v>
      </c>
      <c r="V47" s="8" t="s">
        <v>25</v>
      </c>
      <c r="W47" s="9">
        <v>45089</v>
      </c>
      <c r="X47" s="9">
        <v>47299</v>
      </c>
      <c r="Y47" s="9">
        <v>45089</v>
      </c>
    </row>
    <row r="48" spans="1:25" x14ac:dyDescent="0.2">
      <c r="A48" s="8" t="s">
        <v>270</v>
      </c>
      <c r="B48" t="s">
        <v>45</v>
      </c>
      <c r="C48" t="s">
        <v>28</v>
      </c>
      <c r="D48" t="s">
        <v>29</v>
      </c>
      <c r="E48" t="s">
        <v>46</v>
      </c>
      <c r="F48" t="s">
        <v>271</v>
      </c>
      <c r="G48" s="8" t="s">
        <v>25</v>
      </c>
      <c r="H48" t="s">
        <v>272</v>
      </c>
      <c r="I48" t="s">
        <v>273</v>
      </c>
      <c r="J48" s="8" t="s">
        <v>45</v>
      </c>
      <c r="K48" s="8" t="s">
        <v>28</v>
      </c>
      <c r="L48" s="8" t="s">
        <v>29</v>
      </c>
      <c r="M48" s="8" t="s">
        <v>46</v>
      </c>
      <c r="N48" s="8" t="s">
        <v>274</v>
      </c>
      <c r="O48" s="8" t="s">
        <v>25</v>
      </c>
      <c r="P48" t="s">
        <v>272</v>
      </c>
      <c r="Q48" s="8" t="s">
        <v>83</v>
      </c>
      <c r="R48" s="8" t="s">
        <v>275</v>
      </c>
      <c r="S48" s="8" t="s">
        <v>276</v>
      </c>
      <c r="T48" s="8" t="s">
        <v>35</v>
      </c>
      <c r="U48" s="8" t="s">
        <v>385</v>
      </c>
      <c r="V48" s="8" t="s">
        <v>25</v>
      </c>
      <c r="W48" s="9">
        <v>45106</v>
      </c>
      <c r="X48" s="9">
        <v>47299</v>
      </c>
      <c r="Y48" s="9">
        <v>45106</v>
      </c>
    </row>
    <row r="49" spans="1:25" x14ac:dyDescent="0.2">
      <c r="A49" s="8" t="s">
        <v>277</v>
      </c>
      <c r="B49" t="s">
        <v>386</v>
      </c>
      <c r="C49" t="s">
        <v>28</v>
      </c>
      <c r="D49" t="s">
        <v>38</v>
      </c>
      <c r="E49" t="s">
        <v>387</v>
      </c>
      <c r="F49" t="s">
        <v>388</v>
      </c>
      <c r="G49" s="8" t="s">
        <v>25</v>
      </c>
      <c r="H49" t="s">
        <v>25</v>
      </c>
      <c r="I49" t="s">
        <v>389</v>
      </c>
      <c r="J49" s="8" t="s">
        <v>390</v>
      </c>
      <c r="K49" s="8" t="s">
        <v>28</v>
      </c>
      <c r="L49" s="8" t="s">
        <v>391</v>
      </c>
      <c r="M49" s="8" t="s">
        <v>392</v>
      </c>
      <c r="N49" s="8" t="s">
        <v>393</v>
      </c>
      <c r="O49" s="8" t="s">
        <v>25</v>
      </c>
      <c r="P49" t="s">
        <v>317</v>
      </c>
      <c r="Q49" s="8" t="s">
        <v>83</v>
      </c>
      <c r="R49" s="8" t="s">
        <v>394</v>
      </c>
      <c r="S49" s="8" t="s">
        <v>395</v>
      </c>
      <c r="T49" s="8" t="s">
        <v>35</v>
      </c>
      <c r="U49" s="8" t="s">
        <v>278</v>
      </c>
      <c r="V49" s="8" t="s">
        <v>396</v>
      </c>
      <c r="W49" s="9">
        <v>45104</v>
      </c>
      <c r="X49" s="9">
        <v>46996</v>
      </c>
      <c r="Y49" s="9">
        <v>45104</v>
      </c>
    </row>
    <row r="50" spans="1:25" x14ac:dyDescent="0.2">
      <c r="A50" s="8" t="s">
        <v>397</v>
      </c>
      <c r="B50" t="s">
        <v>398</v>
      </c>
      <c r="C50" t="s">
        <v>28</v>
      </c>
      <c r="D50" t="s">
        <v>38</v>
      </c>
      <c r="E50" t="s">
        <v>399</v>
      </c>
      <c r="F50" t="s">
        <v>400</v>
      </c>
      <c r="G50" s="8" t="s">
        <v>25</v>
      </c>
      <c r="H50" t="s">
        <v>401</v>
      </c>
      <c r="I50" t="s">
        <v>279</v>
      </c>
      <c r="J50" s="8" t="s">
        <v>402</v>
      </c>
      <c r="K50" s="8" t="s">
        <v>28</v>
      </c>
      <c r="L50" s="8" t="s">
        <v>38</v>
      </c>
      <c r="M50" s="8" t="s">
        <v>403</v>
      </c>
      <c r="N50" s="8" t="s">
        <v>404</v>
      </c>
      <c r="O50" s="8" t="s">
        <v>25</v>
      </c>
      <c r="P50" t="s">
        <v>405</v>
      </c>
      <c r="Q50" s="8" t="s">
        <v>83</v>
      </c>
      <c r="R50" s="8" t="s">
        <v>406</v>
      </c>
      <c r="S50" s="8" t="s">
        <v>407</v>
      </c>
      <c r="T50" s="8" t="s">
        <v>90</v>
      </c>
      <c r="U50" s="8" t="s">
        <v>280</v>
      </c>
      <c r="V50" s="8" t="s">
        <v>25</v>
      </c>
      <c r="W50" s="9">
        <v>45085</v>
      </c>
      <c r="X50" s="9">
        <v>46996</v>
      </c>
      <c r="Y50" s="9">
        <v>45085</v>
      </c>
    </row>
    <row r="51" spans="1:25" x14ac:dyDescent="0.2">
      <c r="A51" s="8" t="s">
        <v>281</v>
      </c>
      <c r="B51" t="s">
        <v>45</v>
      </c>
      <c r="C51" t="s">
        <v>28</v>
      </c>
      <c r="D51" t="s">
        <v>29</v>
      </c>
      <c r="E51" t="s">
        <v>124</v>
      </c>
      <c r="F51" t="s">
        <v>408</v>
      </c>
      <c r="G51" s="8" t="s">
        <v>25</v>
      </c>
      <c r="H51" t="s">
        <v>317</v>
      </c>
      <c r="I51" t="s">
        <v>282</v>
      </c>
      <c r="J51" s="8" t="s">
        <v>317</v>
      </c>
      <c r="K51" s="8" t="s">
        <v>317</v>
      </c>
      <c r="L51" s="8" t="s">
        <v>317</v>
      </c>
      <c r="M51" s="8" t="s">
        <v>317</v>
      </c>
      <c r="N51" s="8" t="s">
        <v>317</v>
      </c>
      <c r="O51" s="8" t="s">
        <v>25</v>
      </c>
      <c r="P51" t="s">
        <v>317</v>
      </c>
      <c r="Q51" s="8" t="s">
        <v>25</v>
      </c>
      <c r="R51" s="8" t="s">
        <v>25</v>
      </c>
      <c r="S51" s="8" t="s">
        <v>25</v>
      </c>
      <c r="T51" s="8" t="s">
        <v>35</v>
      </c>
      <c r="U51" s="8" t="s">
        <v>283</v>
      </c>
      <c r="V51" s="8" t="s">
        <v>25</v>
      </c>
      <c r="W51" s="9">
        <v>45091</v>
      </c>
      <c r="X51" s="9">
        <v>46934</v>
      </c>
      <c r="Y51" s="9">
        <v>45091</v>
      </c>
    </row>
    <row r="52" spans="1:25" x14ac:dyDescent="0.2">
      <c r="A52" s="8" t="s">
        <v>284</v>
      </c>
      <c r="B52" t="s">
        <v>55</v>
      </c>
      <c r="C52" t="s">
        <v>28</v>
      </c>
      <c r="D52" t="s">
        <v>38</v>
      </c>
      <c r="E52" t="s">
        <v>75</v>
      </c>
      <c r="F52" t="s">
        <v>409</v>
      </c>
      <c r="G52" s="8" t="s">
        <v>410</v>
      </c>
      <c r="H52" t="s">
        <v>411</v>
      </c>
      <c r="I52" t="s">
        <v>285</v>
      </c>
      <c r="J52" s="8" t="s">
        <v>317</v>
      </c>
      <c r="K52" s="8" t="s">
        <v>317</v>
      </c>
      <c r="L52" s="8" t="s">
        <v>317</v>
      </c>
      <c r="M52" s="8" t="s">
        <v>317</v>
      </c>
      <c r="N52" s="8" t="s">
        <v>317</v>
      </c>
      <c r="O52" s="8" t="s">
        <v>317</v>
      </c>
      <c r="P52" t="s">
        <v>317</v>
      </c>
      <c r="Q52" s="8" t="s">
        <v>25</v>
      </c>
      <c r="R52" s="8" t="s">
        <v>25</v>
      </c>
      <c r="S52" s="8" t="s">
        <v>25</v>
      </c>
      <c r="T52" s="8" t="s">
        <v>90</v>
      </c>
      <c r="U52" s="8" t="s">
        <v>286</v>
      </c>
      <c r="V52" s="8" t="s">
        <v>25</v>
      </c>
      <c r="W52" s="9">
        <v>45106</v>
      </c>
      <c r="X52" s="9">
        <v>46934</v>
      </c>
      <c r="Y52" s="9">
        <v>45106</v>
      </c>
    </row>
    <row r="53" spans="1:25" x14ac:dyDescent="0.2">
      <c r="A53" s="8" t="s">
        <v>287</v>
      </c>
      <c r="B53" t="s">
        <v>412</v>
      </c>
      <c r="C53" t="s">
        <v>28</v>
      </c>
      <c r="D53" t="s">
        <v>29</v>
      </c>
      <c r="E53" t="s">
        <v>413</v>
      </c>
      <c r="F53" t="s">
        <v>414</v>
      </c>
      <c r="G53" s="8" t="s">
        <v>25</v>
      </c>
      <c r="H53" t="s">
        <v>25</v>
      </c>
      <c r="I53" t="s">
        <v>288</v>
      </c>
      <c r="J53" s="8" t="s">
        <v>317</v>
      </c>
      <c r="K53" s="8" t="s">
        <v>317</v>
      </c>
      <c r="L53" s="8" t="s">
        <v>317</v>
      </c>
      <c r="M53" s="8" t="s">
        <v>317</v>
      </c>
      <c r="N53" s="8" t="s">
        <v>317</v>
      </c>
      <c r="O53" s="8" t="s">
        <v>25</v>
      </c>
      <c r="P53" t="s">
        <v>317</v>
      </c>
      <c r="Q53" s="8" t="s">
        <v>25</v>
      </c>
      <c r="R53" s="8" t="s">
        <v>25</v>
      </c>
      <c r="S53" s="8" t="s">
        <v>25</v>
      </c>
      <c r="T53" s="8" t="s">
        <v>90</v>
      </c>
      <c r="U53" s="8" t="s">
        <v>289</v>
      </c>
      <c r="V53" s="8" t="s">
        <v>25</v>
      </c>
      <c r="W53" s="9">
        <v>45091</v>
      </c>
      <c r="X53" s="9">
        <v>47087</v>
      </c>
      <c r="Y53" s="9">
        <v>45091</v>
      </c>
    </row>
    <row r="54" spans="1:25" x14ac:dyDescent="0.2">
      <c r="A54" s="8" t="s">
        <v>415</v>
      </c>
      <c r="B54" t="s">
        <v>416</v>
      </c>
      <c r="C54" t="s">
        <v>28</v>
      </c>
      <c r="D54" t="s">
        <v>29</v>
      </c>
      <c r="E54" t="s">
        <v>417</v>
      </c>
      <c r="F54" t="s">
        <v>418</v>
      </c>
      <c r="G54" s="8" t="s">
        <v>25</v>
      </c>
      <c r="H54" t="s">
        <v>25</v>
      </c>
      <c r="I54" t="s">
        <v>419</v>
      </c>
      <c r="J54" s="8" t="s">
        <v>317</v>
      </c>
      <c r="K54" s="8" t="s">
        <v>317</v>
      </c>
      <c r="L54" s="8" t="s">
        <v>317</v>
      </c>
      <c r="M54" s="8" t="s">
        <v>317</v>
      </c>
      <c r="N54" s="8" t="s">
        <v>317</v>
      </c>
      <c r="O54" s="8" t="s">
        <v>25</v>
      </c>
      <c r="P54" t="s">
        <v>317</v>
      </c>
      <c r="Q54" s="8" t="s">
        <v>25</v>
      </c>
      <c r="R54" s="8" t="s">
        <v>25</v>
      </c>
      <c r="S54" s="8" t="s">
        <v>25</v>
      </c>
      <c r="T54" s="8" t="s">
        <v>35</v>
      </c>
      <c r="U54" s="8" t="s">
        <v>290</v>
      </c>
      <c r="V54" s="8" t="s">
        <v>25</v>
      </c>
      <c r="W54" s="9">
        <v>45097</v>
      </c>
      <c r="X54" s="9">
        <v>47087</v>
      </c>
      <c r="Y54" s="9">
        <v>45097</v>
      </c>
    </row>
    <row r="55" spans="1:25" x14ac:dyDescent="0.2">
      <c r="A55" s="8" t="s">
        <v>291</v>
      </c>
      <c r="B55" t="s">
        <v>251</v>
      </c>
      <c r="C55" t="s">
        <v>28</v>
      </c>
      <c r="D55" t="s">
        <v>29</v>
      </c>
      <c r="E55" t="s">
        <v>252</v>
      </c>
      <c r="F55" t="s">
        <v>420</v>
      </c>
      <c r="G55" s="8" t="s">
        <v>25</v>
      </c>
      <c r="H55" t="s">
        <v>317</v>
      </c>
      <c r="I55" t="s">
        <v>421</v>
      </c>
      <c r="J55" s="8" t="s">
        <v>317</v>
      </c>
      <c r="K55" s="8" t="s">
        <v>317</v>
      </c>
      <c r="L55" s="8" t="s">
        <v>317</v>
      </c>
      <c r="M55" s="8" t="s">
        <v>317</v>
      </c>
      <c r="N55" s="8" t="s">
        <v>317</v>
      </c>
      <c r="O55" s="8" t="s">
        <v>25</v>
      </c>
      <c r="P55" t="s">
        <v>317</v>
      </c>
      <c r="Q55" s="8" t="s">
        <v>25</v>
      </c>
      <c r="R55" s="8" t="s">
        <v>25</v>
      </c>
      <c r="S55" s="8" t="s">
        <v>25</v>
      </c>
      <c r="T55" s="8" t="s">
        <v>35</v>
      </c>
      <c r="U55" s="8" t="s">
        <v>292</v>
      </c>
      <c r="V55" s="8" t="s">
        <v>25</v>
      </c>
      <c r="W55" s="9">
        <v>45084</v>
      </c>
      <c r="X55" s="9">
        <v>46934</v>
      </c>
      <c r="Y55" s="9">
        <v>45084</v>
      </c>
    </row>
    <row r="56" spans="1:25" x14ac:dyDescent="0.2">
      <c r="A56" s="8" t="s">
        <v>293</v>
      </c>
      <c r="B56" t="s">
        <v>241</v>
      </c>
      <c r="C56" t="s">
        <v>28</v>
      </c>
      <c r="D56" t="s">
        <v>29</v>
      </c>
      <c r="E56" t="s">
        <v>242</v>
      </c>
      <c r="F56" t="s">
        <v>422</v>
      </c>
      <c r="G56" s="8" t="s">
        <v>25</v>
      </c>
      <c r="H56" t="s">
        <v>423</v>
      </c>
      <c r="I56" t="s">
        <v>424</v>
      </c>
      <c r="J56" s="8" t="s">
        <v>241</v>
      </c>
      <c r="K56" s="8" t="s">
        <v>28</v>
      </c>
      <c r="L56" s="8" t="s">
        <v>29</v>
      </c>
      <c r="M56" s="8" t="s">
        <v>242</v>
      </c>
      <c r="N56" s="8" t="s">
        <v>425</v>
      </c>
      <c r="O56" s="8" t="s">
        <v>25</v>
      </c>
      <c r="P56" t="s">
        <v>317</v>
      </c>
      <c r="Q56" s="8" t="s">
        <v>25</v>
      </c>
      <c r="R56" s="8" t="s">
        <v>426</v>
      </c>
      <c r="S56" s="8" t="s">
        <v>427</v>
      </c>
      <c r="T56" s="8" t="s">
        <v>90</v>
      </c>
      <c r="U56" s="8" t="s">
        <v>294</v>
      </c>
      <c r="V56" s="8" t="s">
        <v>25</v>
      </c>
      <c r="W56" s="9">
        <v>45091</v>
      </c>
      <c r="X56" s="9">
        <v>47087</v>
      </c>
      <c r="Y56" s="9">
        <v>45091</v>
      </c>
    </row>
    <row r="57" spans="1:25" x14ac:dyDescent="0.2">
      <c r="A57" s="8" t="s">
        <v>295</v>
      </c>
      <c r="B57" t="s">
        <v>241</v>
      </c>
      <c r="C57" t="s">
        <v>28</v>
      </c>
      <c r="D57" t="s">
        <v>29</v>
      </c>
      <c r="E57" t="s">
        <v>242</v>
      </c>
      <c r="F57" t="s">
        <v>428</v>
      </c>
      <c r="G57" s="8" t="s">
        <v>25</v>
      </c>
      <c r="H57" t="s">
        <v>25</v>
      </c>
      <c r="I57" t="s">
        <v>429</v>
      </c>
      <c r="J57" s="8" t="s">
        <v>296</v>
      </c>
      <c r="K57" s="8" t="s">
        <v>177</v>
      </c>
      <c r="L57" s="8" t="s">
        <v>297</v>
      </c>
      <c r="M57" s="8" t="s">
        <v>430</v>
      </c>
      <c r="N57" s="8" t="s">
        <v>431</v>
      </c>
      <c r="O57" s="8" t="s">
        <v>25</v>
      </c>
      <c r="P57" t="s">
        <v>298</v>
      </c>
      <c r="Q57" s="8" t="s">
        <v>25</v>
      </c>
      <c r="R57" s="8" t="s">
        <v>432</v>
      </c>
      <c r="S57" s="8" t="s">
        <v>433</v>
      </c>
      <c r="T57" s="8" t="s">
        <v>35</v>
      </c>
      <c r="U57" s="8" t="s">
        <v>434</v>
      </c>
      <c r="V57" s="8" t="s">
        <v>25</v>
      </c>
      <c r="W57" s="9">
        <v>45106</v>
      </c>
      <c r="X57" s="9">
        <v>47087</v>
      </c>
      <c r="Y57" s="9">
        <v>45106</v>
      </c>
    </row>
    <row r="58" spans="1:25" x14ac:dyDescent="0.2">
      <c r="A58" s="8" t="s">
        <v>299</v>
      </c>
      <c r="B58" t="s">
        <v>55</v>
      </c>
      <c r="C58" t="s">
        <v>28</v>
      </c>
      <c r="D58" t="s">
        <v>38</v>
      </c>
      <c r="E58" t="s">
        <v>58</v>
      </c>
      <c r="F58" t="s">
        <v>435</v>
      </c>
      <c r="G58" s="8" t="s">
        <v>25</v>
      </c>
      <c r="H58" t="s">
        <v>436</v>
      </c>
      <c r="I58" t="s">
        <v>300</v>
      </c>
      <c r="J58" s="8" t="s">
        <v>317</v>
      </c>
      <c r="K58" s="8" t="s">
        <v>317</v>
      </c>
      <c r="L58" s="8" t="s">
        <v>317</v>
      </c>
      <c r="M58" s="8" t="s">
        <v>317</v>
      </c>
      <c r="N58" s="8" t="s">
        <v>317</v>
      </c>
      <c r="O58" s="8" t="s">
        <v>25</v>
      </c>
      <c r="P58" t="s">
        <v>317</v>
      </c>
      <c r="Q58" s="8" t="s">
        <v>25</v>
      </c>
      <c r="R58" s="8" t="s">
        <v>25</v>
      </c>
      <c r="S58" s="8" t="s">
        <v>25</v>
      </c>
      <c r="T58" s="8" t="s">
        <v>35</v>
      </c>
      <c r="U58" s="8" t="s">
        <v>301</v>
      </c>
      <c r="V58" s="8" t="s">
        <v>25</v>
      </c>
      <c r="W58" s="9">
        <v>45104</v>
      </c>
      <c r="X58" s="9">
        <v>46934</v>
      </c>
      <c r="Y58" s="9">
        <v>45104</v>
      </c>
    </row>
    <row r="59" spans="1:25" x14ac:dyDescent="0.2">
      <c r="A59" s="8" t="s">
        <v>302</v>
      </c>
      <c r="B59" t="s">
        <v>27</v>
      </c>
      <c r="C59" t="s">
        <v>28</v>
      </c>
      <c r="D59" t="s">
        <v>29</v>
      </c>
      <c r="E59" t="s">
        <v>30</v>
      </c>
      <c r="F59" t="s">
        <v>31</v>
      </c>
      <c r="G59" s="8" t="s">
        <v>437</v>
      </c>
      <c r="H59" t="s">
        <v>438</v>
      </c>
      <c r="I59" t="s">
        <v>303</v>
      </c>
      <c r="J59" s="8" t="s">
        <v>317</v>
      </c>
      <c r="K59" s="8" t="s">
        <v>317</v>
      </c>
      <c r="L59" s="8" t="s">
        <v>317</v>
      </c>
      <c r="M59" s="8" t="s">
        <v>317</v>
      </c>
      <c r="N59" s="8" t="s">
        <v>317</v>
      </c>
      <c r="O59" s="8" t="s">
        <v>25</v>
      </c>
      <c r="P59" t="s">
        <v>317</v>
      </c>
      <c r="Q59" s="8" t="s">
        <v>25</v>
      </c>
      <c r="R59" s="8" t="s">
        <v>25</v>
      </c>
      <c r="S59" s="8" t="s">
        <v>25</v>
      </c>
      <c r="T59" s="8" t="s">
        <v>35</v>
      </c>
      <c r="U59" s="8" t="s">
        <v>304</v>
      </c>
      <c r="V59" s="8" t="s">
        <v>25</v>
      </c>
      <c r="W59" s="9">
        <v>45099</v>
      </c>
      <c r="X59" s="9">
        <v>46934</v>
      </c>
      <c r="Y59" s="9">
        <v>45099</v>
      </c>
    </row>
    <row r="60" spans="1:25" x14ac:dyDescent="0.2">
      <c r="A60" s="8" t="s">
        <v>305</v>
      </c>
      <c r="B60" t="s">
        <v>439</v>
      </c>
      <c r="C60" t="s">
        <v>28</v>
      </c>
      <c r="D60" t="s">
        <v>29</v>
      </c>
      <c r="E60" t="s">
        <v>440</v>
      </c>
      <c r="F60" t="s">
        <v>441</v>
      </c>
      <c r="G60" s="8" t="s">
        <v>25</v>
      </c>
      <c r="H60" t="s">
        <v>25</v>
      </c>
      <c r="I60" t="s">
        <v>306</v>
      </c>
      <c r="J60" s="8" t="s">
        <v>317</v>
      </c>
      <c r="K60" s="8" t="s">
        <v>317</v>
      </c>
      <c r="L60" s="8" t="s">
        <v>317</v>
      </c>
      <c r="M60" s="8" t="s">
        <v>317</v>
      </c>
      <c r="N60" s="8" t="s">
        <v>317</v>
      </c>
      <c r="O60" s="8" t="s">
        <v>25</v>
      </c>
      <c r="P60" t="s">
        <v>317</v>
      </c>
      <c r="Q60" s="8" t="s">
        <v>25</v>
      </c>
      <c r="R60" s="8" t="s">
        <v>25</v>
      </c>
      <c r="S60" s="8" t="s">
        <v>25</v>
      </c>
      <c r="T60" s="8" t="s">
        <v>90</v>
      </c>
      <c r="U60" s="8" t="s">
        <v>307</v>
      </c>
      <c r="V60" s="8" t="s">
        <v>25</v>
      </c>
      <c r="W60" s="9">
        <v>45104</v>
      </c>
      <c r="X60" s="9">
        <v>46996</v>
      </c>
      <c r="Y60" s="9">
        <v>45104</v>
      </c>
    </row>
    <row r="61" spans="1:25" x14ac:dyDescent="0.2">
      <c r="A61" s="8" t="s">
        <v>442</v>
      </c>
      <c r="B61" t="s">
        <v>443</v>
      </c>
      <c r="C61" t="s">
        <v>28</v>
      </c>
      <c r="D61" t="s">
        <v>38</v>
      </c>
      <c r="E61" t="s">
        <v>444</v>
      </c>
      <c r="F61" t="s">
        <v>445</v>
      </c>
      <c r="G61" s="8" t="s">
        <v>25</v>
      </c>
      <c r="H61" t="s">
        <v>317</v>
      </c>
      <c r="I61" t="s">
        <v>308</v>
      </c>
      <c r="J61" s="8" t="s">
        <v>317</v>
      </c>
      <c r="K61" s="8" t="s">
        <v>317</v>
      </c>
      <c r="L61" s="8" t="s">
        <v>317</v>
      </c>
      <c r="M61" s="8" t="s">
        <v>317</v>
      </c>
      <c r="N61" s="8" t="s">
        <v>317</v>
      </c>
      <c r="O61" s="8" t="s">
        <v>25</v>
      </c>
      <c r="P61" t="s">
        <v>317</v>
      </c>
      <c r="Q61" s="8" t="s">
        <v>25</v>
      </c>
      <c r="R61" s="8" t="s">
        <v>25</v>
      </c>
      <c r="S61" s="8" t="s">
        <v>25</v>
      </c>
      <c r="T61" s="8" t="s">
        <v>35</v>
      </c>
      <c r="U61" s="8" t="s">
        <v>309</v>
      </c>
      <c r="V61" s="8" t="s">
        <v>396</v>
      </c>
      <c r="W61" s="9">
        <v>45097</v>
      </c>
      <c r="X61" s="9">
        <v>47026</v>
      </c>
      <c r="Y61" s="9">
        <v>45097</v>
      </c>
    </row>
    <row r="62" spans="1:25" x14ac:dyDescent="0.2">
      <c r="A62" s="8" t="s">
        <v>310</v>
      </c>
      <c r="B62" t="s">
        <v>251</v>
      </c>
      <c r="C62" t="s">
        <v>28</v>
      </c>
      <c r="D62" t="s">
        <v>29</v>
      </c>
      <c r="E62" t="s">
        <v>252</v>
      </c>
      <c r="F62" t="s">
        <v>446</v>
      </c>
      <c r="G62" s="8" t="s">
        <v>25</v>
      </c>
      <c r="H62" t="s">
        <v>447</v>
      </c>
      <c r="I62" t="s">
        <v>311</v>
      </c>
      <c r="J62" s="8" t="s">
        <v>45</v>
      </c>
      <c r="K62" s="8" t="s">
        <v>28</v>
      </c>
      <c r="L62" s="8" t="s">
        <v>29</v>
      </c>
      <c r="M62" s="8" t="s">
        <v>46</v>
      </c>
      <c r="N62" s="8" t="s">
        <v>448</v>
      </c>
      <c r="O62" s="8" t="s">
        <v>25</v>
      </c>
      <c r="P62" t="s">
        <v>447</v>
      </c>
      <c r="Q62" s="8" t="s">
        <v>83</v>
      </c>
      <c r="R62" s="8" t="s">
        <v>449</v>
      </c>
      <c r="S62" s="8" t="s">
        <v>450</v>
      </c>
      <c r="T62" s="8" t="s">
        <v>35</v>
      </c>
      <c r="U62" s="8" t="s">
        <v>312</v>
      </c>
      <c r="V62" s="8" t="s">
        <v>25</v>
      </c>
      <c r="W62" s="9">
        <v>45099</v>
      </c>
      <c r="X62" s="9">
        <v>46934</v>
      </c>
      <c r="Y62" s="9">
        <v>45099</v>
      </c>
    </row>
    <row r="63" spans="1:25" x14ac:dyDescent="0.2">
      <c r="A63" s="8" t="s">
        <v>451</v>
      </c>
      <c r="B63" t="s">
        <v>452</v>
      </c>
      <c r="C63" t="s">
        <v>28</v>
      </c>
      <c r="D63" t="s">
        <v>38</v>
      </c>
      <c r="E63" t="s">
        <v>453</v>
      </c>
      <c r="F63" t="s">
        <v>454</v>
      </c>
      <c r="G63" s="8" t="s">
        <v>25</v>
      </c>
      <c r="H63" t="s">
        <v>455</v>
      </c>
      <c r="I63" t="s">
        <v>313</v>
      </c>
      <c r="J63" s="8" t="s">
        <v>452</v>
      </c>
      <c r="K63" s="8" t="s">
        <v>28</v>
      </c>
      <c r="L63" s="8" t="s">
        <v>38</v>
      </c>
      <c r="M63" s="8" t="s">
        <v>453</v>
      </c>
      <c r="N63" s="8" t="s">
        <v>454</v>
      </c>
      <c r="O63" s="8" t="s">
        <v>25</v>
      </c>
      <c r="P63" t="s">
        <v>317</v>
      </c>
      <c r="Q63" s="8" t="s">
        <v>134</v>
      </c>
      <c r="R63" s="8" t="s">
        <v>456</v>
      </c>
      <c r="S63" s="8" t="s">
        <v>457</v>
      </c>
      <c r="T63" s="8" t="s">
        <v>35</v>
      </c>
      <c r="U63" s="8" t="s">
        <v>314</v>
      </c>
      <c r="V63" s="8" t="s">
        <v>25</v>
      </c>
      <c r="W63" s="9">
        <v>45106</v>
      </c>
      <c r="X63" s="9">
        <v>46996</v>
      </c>
      <c r="Y63" s="9">
        <v>45106</v>
      </c>
    </row>
    <row r="64" spans="1:25" x14ac:dyDescent="0.2">
      <c r="A64" s="17" t="s">
        <v>315</v>
      </c>
      <c r="B64" s="14" t="s">
        <v>317</v>
      </c>
      <c r="C64" s="14" t="s">
        <v>317</v>
      </c>
      <c r="D64" s="14" t="s">
        <v>317</v>
      </c>
      <c r="E64" s="14" t="s">
        <v>317</v>
      </c>
      <c r="F64" s="14" t="s">
        <v>317</v>
      </c>
      <c r="G64" s="17" t="s">
        <v>25</v>
      </c>
      <c r="H64" s="14" t="s">
        <v>317</v>
      </c>
      <c r="I64" s="14" t="s">
        <v>458</v>
      </c>
      <c r="J64" s="17" t="s">
        <v>317</v>
      </c>
      <c r="K64" s="17" t="s">
        <v>317</v>
      </c>
      <c r="L64" s="17" t="s">
        <v>317</v>
      </c>
      <c r="M64" s="17" t="s">
        <v>317</v>
      </c>
      <c r="N64" s="17" t="s">
        <v>317</v>
      </c>
      <c r="O64" s="17" t="s">
        <v>317</v>
      </c>
      <c r="P64" s="14" t="s">
        <v>317</v>
      </c>
      <c r="Q64" s="17" t="s">
        <v>25</v>
      </c>
      <c r="R64" s="17" t="s">
        <v>25</v>
      </c>
      <c r="S64" s="17" t="s">
        <v>25</v>
      </c>
      <c r="T64" s="17" t="s">
        <v>35</v>
      </c>
      <c r="U64" s="17" t="s">
        <v>316</v>
      </c>
      <c r="V64" s="17" t="s">
        <v>459</v>
      </c>
      <c r="W64" s="18">
        <v>45099</v>
      </c>
      <c r="X64" s="18">
        <v>47057</v>
      </c>
      <c r="Y64" s="18">
        <v>45099</v>
      </c>
    </row>
    <row r="65" spans="1:25" x14ac:dyDescent="0.2">
      <c r="A65" s="15" t="s">
        <v>461</v>
      </c>
      <c r="B65" s="16"/>
      <c r="C65" s="16"/>
      <c r="D65" t="s">
        <v>25</v>
      </c>
      <c r="E65" t="s">
        <v>25</v>
      </c>
      <c r="F65" t="s">
        <v>25</v>
      </c>
      <c r="G65" s="8" t="s">
        <v>25</v>
      </c>
      <c r="H65" t="s">
        <v>25</v>
      </c>
      <c r="I65" t="s">
        <v>25</v>
      </c>
      <c r="J65" s="8" t="s">
        <v>25</v>
      </c>
      <c r="K65" s="8" t="s">
        <v>25</v>
      </c>
      <c r="L65" s="8" t="s">
        <v>25</v>
      </c>
      <c r="M65" s="8" t="s">
        <v>25</v>
      </c>
      <c r="N65" s="8" t="s">
        <v>25</v>
      </c>
      <c r="O65" s="8" t="s">
        <v>25</v>
      </c>
      <c r="P65" s="8" t="s">
        <v>25</v>
      </c>
      <c r="Q65" s="9" t="s">
        <v>25</v>
      </c>
      <c r="R65" s="9" t="s">
        <v>25</v>
      </c>
      <c r="S65" s="9" t="s">
        <v>25</v>
      </c>
      <c r="T65" s="9" t="s">
        <v>25</v>
      </c>
      <c r="U65" s="9" t="s">
        <v>25</v>
      </c>
      <c r="V65" s="9" t="s">
        <v>25</v>
      </c>
      <c r="W65" s="9" t="s">
        <v>25</v>
      </c>
      <c r="X65" s="9" t="s">
        <v>25</v>
      </c>
      <c r="Y65" s="9" t="s">
        <v>25</v>
      </c>
    </row>
  </sheetData>
  <autoFilter ref="A3:Y4"/>
  <mergeCells count="4">
    <mergeCell ref="T2:Y2"/>
    <mergeCell ref="A2:H2"/>
    <mergeCell ref="I2:S2"/>
    <mergeCell ref="A65:C65"/>
  </mergeCells>
  <phoneticPr fontId="1"/>
  <conditionalFormatting sqref="U2:U3">
    <cfRule type="duplicateValues" dxfId="29" priority="28"/>
  </conditionalFormatting>
  <conditionalFormatting sqref="K2:P3">
    <cfRule type="containsBlanks" dxfId="28" priority="18">
      <formula>LEN(TRIM(K2))=0</formula>
    </cfRule>
    <cfRule type="expression" dxfId="27" priority="23">
      <formula>COUNTIF($I2,"*庄原市*")=1</formula>
    </cfRule>
    <cfRule type="expression" dxfId="26" priority="24">
      <formula>COUNTIF($I2,"*三次市*")=1</formula>
    </cfRule>
    <cfRule type="expression" dxfId="25" priority="25">
      <formula>COUNTIF($I2,"*（有）*")=1</formula>
    </cfRule>
    <cfRule type="expression" dxfId="24" priority="26">
      <formula>COUNTIF($I2,"*(有)*")=1</formula>
    </cfRule>
    <cfRule type="expression" dxfId="23" priority="27">
      <formula>COUNTIF($I2,"*㈲*")=1</formula>
    </cfRule>
  </conditionalFormatting>
  <conditionalFormatting sqref="H3">
    <cfRule type="containsText" dxfId="22" priority="16" operator="containsText" text="電話番号">
      <formula>NOT(ISERROR(SEARCH("電話番号",H3)))</formula>
    </cfRule>
  </conditionalFormatting>
  <conditionalFormatting sqref="H2:H3">
    <cfRule type="containsBlanks" dxfId="21" priority="49">
      <formula>LEN(TRIM(H2))=0</formula>
    </cfRule>
    <cfRule type="expression" dxfId="20" priority="50">
      <formula>"AND(COUNTIF($AB1,""*㈲*"")=1,$V1=$AL1)"</formula>
    </cfRule>
    <cfRule type="expression" dxfId="19" priority="51">
      <formula>"AND(COUNTIF($AB1,""*(有)*"")=1,$V1=$AL1)"</formula>
    </cfRule>
    <cfRule type="expression" dxfId="18" priority="52">
      <formula>"AND(COUNTIF($AB1,""*（有）*"")=1,$V1=$AL1)"</formula>
    </cfRule>
    <cfRule type="expression" dxfId="17" priority="53">
      <formula>"AND(COUNTIF($AB1,""*(株)*"")=1,$V1=$AL1)"</formula>
    </cfRule>
    <cfRule type="expression" dxfId="16" priority="54">
      <formula>"AND(COUNTIF($AB1,""*（株）*"")=1,$V1=$AL1)"</formula>
    </cfRule>
    <cfRule type="expression" dxfId="15" priority="55">
      <formula>"AND(COUNTIF($AB1,""*㈱*"")=1,$V1=$AL1)"</formula>
    </cfRule>
    <cfRule type="expression" dxfId="14" priority="56">
      <formula>"AND(COUNTIF($AB1,""*学校*"")=1,$V1=$AL1)"</formula>
    </cfRule>
    <cfRule type="expression" dxfId="13" priority="57">
      <formula>"AND(COUNTIF($AB1,""*組合*"")=1,$V1=$AL1)"</formula>
    </cfRule>
    <cfRule type="expression" dxfId="12" priority="58">
      <formula>"AND(COUNTIF($AB1,""*法人*"")=1,$V1=$AL1)"</formula>
    </cfRule>
    <cfRule type="expression" dxfId="11" priority="59">
      <formula>"AND(COUNTIF($AB1,""*会社*"")=1,$V1=$AL1)"</formula>
    </cfRule>
    <cfRule type="expression" dxfId="10" priority="60">
      <formula>"AND(COUNTIF($AB1,""*三次市*"")=1,$V1=$AL1)"</formula>
    </cfRule>
    <cfRule type="expression" dxfId="9" priority="61">
      <formula>"AND(COUNTIF($AB1,""*庄原市*"")=1,$V1=$AL1)"</formula>
    </cfRule>
    <cfRule type="expression" dxfId="8" priority="62">
      <formula>$H2=$P2</formula>
    </cfRule>
    <cfRule type="beginsWith" dxfId="7" priority="63" operator="beginsWith" text="070">
      <formula>LEFT(H2,LEN("070"))="070"</formula>
    </cfRule>
    <cfRule type="beginsWith" dxfId="6" priority="64" operator="beginsWith" text="080">
      <formula>LEFT(H2,LEN("080"))="080"</formula>
    </cfRule>
    <cfRule type="beginsWith" dxfId="5" priority="65" operator="beginsWith" text="090">
      <formula>LEFT(H2,LEN("090"))="090"</formula>
    </cfRule>
  </conditionalFormatting>
  <conditionalFormatting sqref="A2:Y63 A66:Y70 A72:Y1048574">
    <cfRule type="expression" dxfId="4" priority="66">
      <formula>$I3&lt;&gt;""</formula>
    </cfRule>
  </conditionalFormatting>
  <conditionalFormatting sqref="A1048575:Y1048576">
    <cfRule type="expression" dxfId="3" priority="69">
      <formula>$I2&lt;&gt;""</formula>
    </cfRule>
  </conditionalFormatting>
  <conditionalFormatting sqref="A65 D65:Y65">
    <cfRule type="expression" dxfId="2" priority="1">
      <formula>#REF!&lt;&gt;""</formula>
    </cfRule>
  </conditionalFormatting>
  <conditionalFormatting sqref="A64:Y64">
    <cfRule type="expression" dxfId="1" priority="72">
      <formula>#REF!&lt;&gt;""</formula>
    </cfRule>
  </conditionalFormatting>
  <conditionalFormatting sqref="A71:Y71">
    <cfRule type="expression" dxfId="0" priority="75">
      <formula>#REF!&lt;&gt;""</formula>
    </cfRule>
  </conditionalFormatting>
  <pageMargins left="0.23622047244094491" right="0.23622047244094491" top="0.74803149606299213" bottom="0.74803149606299213" header="0.31496062992125984" footer="0.31496062992125984"/>
  <pageSetup paperSize="8" scale="50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令和５年６月分</vt:lpstr>
      <vt:lpstr>令和５年６月分!Print_Area</vt:lpstr>
      <vt:lpstr>令和５年６月分!Print_Titles</vt:lpstr>
    </vt:vector>
  </TitlesOfParts>
  <Company>広島県庁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島県</dc:creator>
  <cp:lastModifiedBy>広島県</cp:lastModifiedBy>
  <cp:lastPrinted>2023-07-04T05:00:10Z</cp:lastPrinted>
  <dcterms:created xsi:type="dcterms:W3CDTF">2021-12-16T06:39:36Z</dcterms:created>
  <dcterms:modified xsi:type="dcterms:W3CDTF">2023-07-04T05:02:07Z</dcterms:modified>
</cp:coreProperties>
</file>